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ms-excel.sheet.macroEnabled.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tables/table1.xml" ContentType="application/vnd.openxmlformats-officedocument.spreadsheetml.table+xml"/>
  <Override PartName="/xl/vbaProject.bin" ContentType="application/vnd.ms-office.vbaProject"/>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codeName="{51196F13-6AD0-C1B8-E2B4-A1F9AE17003E}"/>
  <workbookPr codeName="ThisWorkbook" defaultThemeVersion="164011"/>
  <mc:AlternateContent xmlns:mc="http://schemas.openxmlformats.org/markup-compatibility/2006">
    <mc:Choice Requires="x15">
      <x15ac:absPath xmlns:x15ac="http://schemas.microsoft.com/office/spreadsheetml/2010/11/ac" url="C:\Users\ELOMY001\Desktop\Disney\s50\"/>
    </mc:Choice>
  </mc:AlternateContent>
  <bookViews>
    <workbookView xWindow="0" yWindow="0" windowWidth="14370" windowHeight="6165"/>
  </bookViews>
  <sheets>
    <sheet name="Disney Channel" sheetId="1" r:id="rId1"/>
    <sheet name="Disney Junior" sheetId="2" r:id="rId2"/>
  </sheets>
  <calcPr calcId="162913"/>
</workbook>
</file>

<file path=xl/sharedStrings.xml><?xml version="1.0" encoding="utf-8"?>
<sst xmlns="http://schemas.openxmlformats.org/spreadsheetml/2006/main" count="13612" uniqueCount="1670">
  <si>
    <t>Channel</t>
  </si>
  <si>
    <t>TX Date</t>
  </si>
  <si>
    <t>Day</t>
  </si>
  <si>
    <t>TX Time</t>
  </si>
  <si>
    <t>Series Title</t>
  </si>
  <si>
    <t>Episode Title</t>
  </si>
  <si>
    <t>Episode No</t>
  </si>
  <si>
    <t>Season</t>
  </si>
  <si>
    <t>Cast Info</t>
  </si>
  <si>
    <t>Synopsis</t>
  </si>
  <si>
    <t>Programme Type</t>
  </si>
  <si>
    <t>Genre</t>
  </si>
  <si>
    <t>Production Country</t>
  </si>
  <si>
    <t>Production Year</t>
  </si>
  <si>
    <t>Duration</t>
  </si>
  <si>
    <t>IDSubtitle</t>
  </si>
  <si>
    <t>Sound</t>
  </si>
  <si>
    <t>Programme Format</t>
  </si>
  <si>
    <t>TX ID</t>
  </si>
  <si>
    <t>Inedit</t>
  </si>
  <si>
    <t>LSF</t>
  </si>
  <si>
    <t>Audio Described</t>
  </si>
  <si>
    <t>DCFR</t>
  </si>
  <si>
    <t>05/12/2020</t>
  </si>
  <si>
    <t>samedi</t>
  </si>
  <si>
    <t>06:00:00</t>
  </si>
  <si>
    <t>LOLIROCK</t>
  </si>
  <si>
    <t>Loli-Rousse</t>
  </si>
  <si>
    <t>31</t>
  </si>
  <si>
    <t>2</t>
  </si>
  <si>
    <t>Réalisateur: Jean-Louis Vandestoc, Interprète: Cassandre BergetRéalisateur: Jean-Louis Vandestoc, Interprète: Cassandre Berget</t>
  </si>
  <si>
    <t>Auriana est sélectionnée comme mannequin pour une marque de shampoings, qui la rémunère sous forme de réserves de shampoing à vie. Lorsqu’elle se met à agir de manière étonnamment narcissique, au point de tyranniser le photographe chargé de la prendre en photo pour la campagne publicitaire, les Princesses cherchent à comprendre ce qui lui est arrivé… et s’aperçoivent que le shampoing a été ensorcelé par les Jumeaux !</t>
  </si>
  <si>
    <t>Série</t>
  </si>
  <si>
    <t>Animation</t>
  </si>
  <si>
    <t>France</t>
  </si>
  <si>
    <t>2015</t>
  </si>
  <si>
    <t>22min</t>
  </si>
  <si>
    <t/>
  </si>
  <si>
    <t>HD</t>
  </si>
  <si>
    <t>FR26504-HDTX</t>
  </si>
  <si>
    <t>06:25:00</t>
  </si>
  <si>
    <t>Un message troublant</t>
  </si>
  <si>
    <t>32</t>
  </si>
  <si>
    <t>Tante Ellen offre à Iris un cristal magique qui se trouvait dans le panier dans lequel elle l’a recueillie bébé sur le pas de sa porte. Le cristal contient un message de la mère d’Iris, qui l’enjoint de ne pas se mêler des histoires de Gramorr ! Pour sauver Ephédia, elle doit rester en vie. A contrecœur, Iris accepte de renoncer à sa lutte, mais continue d’aider les personnes en détresse. Elle aide ainsi une jeune surfeuse de compétition, qui est victime de trac au moment de passer devant des juges.</t>
  </si>
  <si>
    <t>FR26505-HDTX</t>
  </si>
  <si>
    <t>07:00:00</t>
  </si>
  <si>
    <t>MIRACULOUS, LES AVENTURES DE LADYBUG ET CHAT NOIR</t>
  </si>
  <si>
    <t>Le Patineur</t>
  </si>
  <si>
    <t>43</t>
  </si>
  <si>
    <t>Réalisateur: Thomas AstrucRéalisateur: Thomas Astruc</t>
  </si>
  <si>
    <t>Quand Adrien demande conseil à Marinette sur sa vie sentimentale, elle s’improvise malgré elle sa conseillère amoureuse et se retrouve prise dans un rendez-vous croisé à la patinoire : Kagami accompagne Adrien, et Luka accompagne Marinette. Philippe, un entraîneur de patinage sur glace, discute avec le Maire Bourgeois, qui veut faire fermer sa patinoire. Désemparé, Philippe se fait akumatiser par le Papillon et devient le Patineur. Armé de ses patins maléfiques, il veut faire de Paris son Royaume de glace !Alors que Ladybug et Chat Noir se découvrent des pouvoirs spéciaux</t>
  </si>
  <si>
    <t>2016</t>
  </si>
  <si>
    <t>21min</t>
  </si>
  <si>
    <t>Version sous-titrée sourds et malentendants</t>
  </si>
  <si>
    <t>FR32417-HDTX</t>
  </si>
  <si>
    <t>07:25:00</t>
  </si>
  <si>
    <t>Inverso</t>
  </si>
  <si>
    <t>46</t>
  </si>
  <si>
    <t>Marc est un élève au collège très doué pour l’écriture. Son rêve serait d’écrire une bande-dessinée avec Nathaniel, dont il admire les talents de dessinateur, mais il est bien trop timide pour oser lui parler. Suite à un malentendu Marc est convaincu que Marinette lui a menti. Déçu et humilié, il se fait akumatiser par le Papillon et devient Inverso.Parcourant Paris sur son avion de papier géant, il inverse les caractères de tous ceux qui se trouvent sur son chemin !Ladybug et Chat Noir parviendront-ils à inverser le cours des choses ? Et Marinette arrivera-t-elle à rétablir la vérité ?</t>
  </si>
  <si>
    <t>FR32420-HDTX</t>
  </si>
  <si>
    <t>07:55:00</t>
  </si>
  <si>
    <t>LUZ À OSVILLE</t>
  </si>
  <si>
    <t>Improvise comme les sorcières</t>
  </si>
  <si>
    <t>17</t>
  </si>
  <si>
    <t>1</t>
  </si>
  <si>
    <t>Pas vraiment une histoire de perdante.</t>
  </si>
  <si>
    <t>États-Unis</t>
  </si>
  <si>
    <t>2018</t>
  </si>
  <si>
    <t>FR80362-HDTX</t>
  </si>
  <si>
    <t>08:20:00</t>
  </si>
  <si>
    <t>14</t>
  </si>
  <si>
    <t>2013</t>
  </si>
  <si>
    <t>Prologic</t>
  </si>
  <si>
    <t>08:25:00</t>
  </si>
  <si>
    <t>ELENA D'AVALOR</t>
  </si>
  <si>
    <t>La magie en moi, deuxième partie</t>
  </si>
  <si>
    <t>58</t>
  </si>
  <si>
    <t>3</t>
  </si>
  <si>
    <t>Grâce aux nouveaux pouvoirs d'Elena, le secret d'Esteban est dévoilé !</t>
  </si>
  <si>
    <t>2019</t>
  </si>
  <si>
    <t>23min</t>
  </si>
  <si>
    <t>FR71256-HDTX</t>
  </si>
  <si>
    <t>08:50:00</t>
  </si>
  <si>
    <t>Capitaine Mateo</t>
  </si>
  <si>
    <t>59</t>
  </si>
  <si>
    <t>L'amitié entre Gaby et Mateo est mise à l'épreuve lorsque Mateo est nommé capitaine de la Garde Royale.</t>
  </si>
  <si>
    <t>FR71257-HDTX</t>
  </si>
  <si>
    <t>09:20:00</t>
  </si>
  <si>
    <t>Le Dessinateur</t>
  </si>
  <si>
    <t>8</t>
  </si>
  <si>
    <t>Chloé se moque de Nathanaël, un camarade de classe amoureux de Marinette. Blessé, il est akumatisé par Le Papillon. Devenu Le Dessinateur, et armé de son carnet de croquis et de son crayon, il n’hésite pas à effacer tous les obstacles qui se dressent sur son chemin pour se venger de cette peste de Chloé et la rayer de sa vie. Ladybug ne peut pas se transformer, car seule Marinette a le pouvoir d’apaiser le Dessinateur. Chat Noir devra donc l’affronter seul, guidé à distance par notre super héroïne.</t>
  </si>
  <si>
    <t>PG19194-TX</t>
  </si>
  <si>
    <t>09:45:00</t>
  </si>
  <si>
    <t>Rogercop</t>
  </si>
  <si>
    <t>9</t>
  </si>
  <si>
    <t>Lors de la journée des parents au collège, Chloé accuse Marinette de lui avoir volé son nouveau bracelet ! En essayant de ramener l’ordre dans la classe, Roger, le papa policier de Sabrina, se fait renvoyer par le Maire, M. Bourgeois. Furieux et humilié, il est akumatisé par Le Papillon. Devenu Rogercop, un super-vilain qui prétend incarner la loi, il compte se venger du Maire et faire régner une justice tyrannique sur toute la ville. Chat Noir et Ladybug devront prouver que ce sont eux les véritables justiciers de Paris et innocenter Marinette.</t>
  </si>
  <si>
    <t>FR80870-HDTX</t>
  </si>
  <si>
    <t>10:10:00</t>
  </si>
  <si>
    <t>Horrificator</t>
  </si>
  <si>
    <t>10</t>
  </si>
  <si>
    <t>La classe de Marinette doit réaliser un petit film d’horreur pour un festival. Marinette, désignée productrice, doit tout faire pour que le film soit tourné dans la journée. Mais l’actrice principale, Mylène, est trop effrayée pour jouer, ce qui lui attire les reproches de certains de ses camarades. Blessée, elle quitte le plateau. Marinette doit alors la remplacer, et tourner la scène où elle embrasse l’acteur principal… Adrien !</t>
  </si>
  <si>
    <t>PG19196-TX</t>
  </si>
  <si>
    <t>10:35:00</t>
  </si>
  <si>
    <t>Ladybug &amp; Chat Noir (Origines – Partie 1)</t>
  </si>
  <si>
    <t>25</t>
  </si>
  <si>
    <t>C’est la rentrée, et cette année encore, Marinette se retrouve dans la classe de Chloé, dont elle est le souffre-douleur. Mais elle trouve une amie en Alya, une nouvelle élève dont elle admire le caractère fonceur.Adrien, célèbre mannequin, aimerait aller au collège comme tout le monde, mais son père autoritaire et surprotecteur le lui interdit. Devenir Chat Noir lui permettra de découvrir pour la première fois les joies de la liberté et de laisser l’adolescent énergique et facétieux qui est en lui s’exprimer pleinement.</t>
  </si>
  <si>
    <t>PG19211-TX</t>
  </si>
  <si>
    <t>11:00:00</t>
  </si>
  <si>
    <t>Cœur De Pierre (Origines – Partie 2)</t>
  </si>
  <si>
    <t>Adrien décide de désobéir à son père et d’aller au collège pour la première fois. C’est là que Marinette le rencontre, mais un malentendu lui fait penser qu’Adrien ne vaut pas mieux que Chloé, avec qui il est ami.Nos collégiens n’ont pas le temps de faire connaissance car il leur faut affronter Cœur de Pierre, alias Ivan, akumatisé par Le Papillon. Si Adrien n’hésite pas un instant à se transformer en Chat Noir, Marinette manque de confiance en elle et ne veut plus être Ladybug.</t>
  </si>
  <si>
    <t>PG19203-TX</t>
  </si>
  <si>
    <t>11:50:00</t>
  </si>
  <si>
    <t>GABBY DURAN, BABY-SITTER D’EXTRATERRESTRES</t>
  </si>
  <si>
    <t>Le costume de Swift</t>
  </si>
  <si>
    <t>Des clients se plaignent du baby-sitting de Gabby. La jeune fille les soupçonne de mijoter quelque chose, mais Swift a du mal à faire confiance à Gabby.</t>
  </si>
  <si>
    <t>Fiction</t>
  </si>
  <si>
    <t>FR85776-HDTX</t>
  </si>
  <si>
    <t>12:20:00</t>
  </si>
  <si>
    <t>VA-T’EN, LICORNE!</t>
  </si>
  <si>
    <t>Licorne ramène sa science / Va-t'en, corbeau !</t>
  </si>
  <si>
    <t>11</t>
  </si>
  <si>
    <t>Réalisateur: Jason GrohRéalisateur: Jason Groh</t>
  </si>
  <si>
    <t>Alice est en admiration devant Nadia, son animatrice du camp de technologie, et Licorne craint d’avoir perdu sa meilleure amie. / Alice et ses amis déguisent Licorne en artiste pour qu’un tableau de Pixie soit accepté dans une galerie interdite aux enfants.</t>
  </si>
  <si>
    <t>FR63175-HDTX</t>
  </si>
  <si>
    <t>12:45:00</t>
  </si>
  <si>
    <t>Licorne à la mer !</t>
  </si>
  <si>
    <t>Alice veut profiter de sa sortie scolaire à l’aquarium pour être embauchée comme guide, mais Licorne gâche tout en tentant de trouver une vraie sirène.</t>
  </si>
  <si>
    <t>11min</t>
  </si>
  <si>
    <t>FR63203-HDTX</t>
  </si>
  <si>
    <t>Nouveau</t>
  </si>
  <si>
    <t>13:00:00</t>
  </si>
  <si>
    <t>Riposte</t>
  </si>
  <si>
    <t>33</t>
  </si>
  <si>
    <t>Une escrimeuse perd son duel face à Adrien.Humiliée, elle se fait akumatiser par le Papillon. Devenue Riposte et armée de son sabre, elle veut se venger d’Adrien en le battant lors d’un nouveau duel. Marinette / Ladybug intervient, faisant preuve d’une rage inédite face à la super vilaine qui cherche à s’en prendre à son Adrien. Coincé entre Riposte qui veut l’attaquer et Ladybug qui veut le protéger, ce dernier ne peut pas devenir Chat Noir. Il lui faudra pourtant trouver un moyen de se transformer pour aider Ladybug à vaincre l’escrimeuse akumatisée…</t>
  </si>
  <si>
    <t>FR32407-HDTX</t>
  </si>
  <si>
    <t>13:25:00</t>
  </si>
  <si>
    <t>Befana</t>
  </si>
  <si>
    <t>34</t>
  </si>
  <si>
    <t>Aujourd’hui c’est l’anniversaire de Marinette ! Pour l’occasion, ses amis et ses parents lui ont préparé une fête surprise. Mais une autre surprise l’attend : son extravagante grand-mère Gina a décidé de passer la journée avec elle ! Et lorsque Marinette préfère rejoindre ses amis plutôt que passer du temps avec elle, Gina, déçue, se fait akumatiser.Marinette arrivera-t-elle à échapper à Befana, et Ladybug osera-t-elle affronter sa propre grand-mère akumatisée ?</t>
  </si>
  <si>
    <t>FR32408-HDTX</t>
  </si>
  <si>
    <t>14:00:00</t>
  </si>
  <si>
    <t>LA BANDE À PICSOU</t>
  </si>
  <si>
    <t>Le défi des Castors junior senior !</t>
  </si>
  <si>
    <t>54</t>
  </si>
  <si>
    <t>Riri affronte Violet dans un défi pour être nommé marmotte junior senior. Scrooge et la famille recherchent un trésor secret de marmotte.</t>
  </si>
  <si>
    <t>FR83520-HDTX</t>
  </si>
  <si>
    <t>14:25:00</t>
  </si>
  <si>
    <t>La Bande à Picsou</t>
  </si>
  <si>
    <t>53</t>
  </si>
  <si>
    <t>Au manoir, Donald organise une photo de famille, mais Riri sent que quelque chose cloche, et il va découvrir que tout vient d'un souhait qui a mal tourné !</t>
  </si>
  <si>
    <t>20min</t>
  </si>
  <si>
    <t>FR83519-HDTX</t>
  </si>
  <si>
    <t>14:50:00</t>
  </si>
  <si>
    <t>15</t>
  </si>
  <si>
    <t>15:00:00</t>
  </si>
  <si>
    <t>PAF LE CHIEN</t>
  </si>
  <si>
    <t>Garde du corps</t>
  </si>
  <si>
    <t>40</t>
  </si>
  <si>
    <t>Réalisateur: Charles VaucelleRéalisateur: Charles Vaucelle</t>
  </si>
  <si>
    <t>Victor vient de trouver une taupe dans son jardin. Et il compte bien s’en débarrasser ! Pour Lola, c’est inadmissible : une taupe, c’est tout gentil et mignon. Paf fera tout ce qu’il peut pour que le petit animal échappe à la colère du voisin. De l’aventure en perspective... d’autant que les Guanos s’en mêlent.</t>
  </si>
  <si>
    <t>2017</t>
  </si>
  <si>
    <t>7min</t>
  </si>
  <si>
    <t>FR66537-HDTX</t>
  </si>
  <si>
    <t>15:15:00</t>
  </si>
  <si>
    <t>Hypnopiaf</t>
  </si>
  <si>
    <t>41</t>
  </si>
  <si>
    <t>Lola a décidé d’hypnotiser son chien. Armée de son livre et de son disque hypnotique, elle se lance. Mais elle est dérangée par son père qui tente de préparer le repas d’anniversaire de sa femme. Pour les Guanos, c’est l’occasion rêvée de se débarrasser de Capuche ! Paf va lutter tout en prenant soin de ne pas se faire lui-même hypnotiser.</t>
  </si>
  <si>
    <t>FR66538-HDTX</t>
  </si>
  <si>
    <t>15:30:00</t>
  </si>
  <si>
    <t>Paf s'enrhume</t>
  </si>
  <si>
    <t>42</t>
  </si>
  <si>
    <t>Paf n’est pas bien aujourd’hui. Il s’est enrhumé et ne sent plus rien. Embêtant car sa petite maîtresse débarque bientôt pour lui demander un service : faire appel à son flair pour retrouver Capuche qui a disparu ! Mais impossible : sa truffe ne fonctionne plus. Paf a intérêt à trouver une solution car Victor a proposé de l'aider avec… Tank, le meilleur chien limier du monde selon ses dires. Et si le molosse met les pattes sur Capuche, attention danger !!</t>
  </si>
  <si>
    <t>FR66539-HDTX</t>
  </si>
  <si>
    <t>15:45:00</t>
  </si>
  <si>
    <t>Chef Papa</t>
  </si>
  <si>
    <t>Le jour de la nomination du nouveau chef des jagons, Migs doit emmener ses trois enfants avec lui.</t>
  </si>
  <si>
    <t>FR71252-HDTX</t>
  </si>
  <si>
    <t>16:10:00</t>
  </si>
  <si>
    <t>Leurs majestés rétrécissent</t>
  </si>
  <si>
    <t>55</t>
  </si>
  <si>
    <t>Le premier Festin de l'Amitié organisé par Julio tourne au vinaigre et tous les convives rapetissent soudainement.</t>
  </si>
  <si>
    <t>FR71253-HDTX</t>
  </si>
  <si>
    <t>16:45:00</t>
  </si>
  <si>
    <t>Le combat des Reines - Partie 1</t>
  </si>
  <si>
    <t>44</t>
  </si>
  <si>
    <t>C’est la Fashion Week et le tout Paris a rendez-vous au défilé de mode de Gabriel Agreste, durant lequel Adrien portera un chapeau créé par Marinette. Pour l’occasion, Audrey Bourgeois, la mère de Chloé et la Reine Internationale de la mode, est de passage dans la capitale.Mais, manipulée par Gabriel / le Papillon, Audrey se fait akumatiser et devient Style Queen, la vilaine la plus chic de tout Paris !Ladybug s’apprête à faire appel à un nouveau super héros pour l’aider, mais elle perd le Miraculous qu’elle souhaitait lui confier…</t>
  </si>
  <si>
    <t>FR81227-HDTX</t>
  </si>
  <si>
    <t>17:10:00</t>
  </si>
  <si>
    <t>Le combat des Reines - Partie 2</t>
  </si>
  <si>
    <t>45</t>
  </si>
  <si>
    <t>Audrey Bourgeois, Reine de la Mode et mère de Chloé, félicite Marinette pour son talent et lui propose de l’accompagner à New York. Jalouse, Chloé utilise le Miraculous de l’Abeille égaré par Ladybug pour se transformer en Queen Bee, bien décidée à prouver à sa mère qu’elle est aussi exceptionnelle que Marinette.Mais rien ne se passe comme prévu et Chloé se fait akumatiser par le Papillon… alors qu’elle est encore en Queen Bee !Désormais à la tête d’une armée d’abeilles maléfiques, Queen Wasp veut se venger de Ladybug et Chat Noir, qui ne la reconnaissent pas en tant que super héroïne.</t>
  </si>
  <si>
    <t>FR32419-HDTX</t>
  </si>
  <si>
    <t>17:45:00</t>
  </si>
  <si>
    <t>COOP &amp; CAMI</t>
  </si>
  <si>
    <t>Être un Wagner</t>
  </si>
  <si>
    <t>38</t>
  </si>
  <si>
    <t>Coop et Cami décident de reprendre la vieille tradition de leur père : emmener la famille voir l'équipe de base-ball des Duluth Diamond Dogs.</t>
  </si>
  <si>
    <t>FR81115-HDTX</t>
  </si>
  <si>
    <t>18:10:00</t>
  </si>
  <si>
    <t>L'été de Fred et Coop</t>
  </si>
  <si>
    <t>49</t>
  </si>
  <si>
    <t>Fred essaie d'aider Cooper à surmonter sa rupture avec Peyton en déclarant que ce sera "l'été de Fred et Coop".</t>
  </si>
  <si>
    <t>FR84958-HDTX</t>
  </si>
  <si>
    <t>18:35:00</t>
  </si>
  <si>
    <t>Le bal de promo</t>
  </si>
  <si>
    <t>Le plan de Charlotte pour le bal de promo parfait tombe à l'eau lorsque Cami abîme accidentellement sa robe !</t>
  </si>
  <si>
    <t>FR84955-HDTX</t>
  </si>
  <si>
    <t>19:00:00</t>
  </si>
  <si>
    <t>SHOOK (SPECIAL)</t>
  </si>
  <si>
    <t>Mia, 15 ans, veut devenir danseuse professionnelle mais elle a du mal à se concentrer sur sa passion tant sa vie personnelle avec sa petite soeur Skylar et sa mère, infirmière, mère célibataire lui prend du temps.</t>
  </si>
  <si>
    <t>FR85554-HDTX</t>
  </si>
  <si>
    <t>20:30:00</t>
  </si>
  <si>
    <t>La journée de Dina</t>
  </si>
  <si>
    <t>7</t>
  </si>
  <si>
    <t>La "journée de Dina" arrive et Gabby est déterminée à trouver un cadeau à sa mère qui rattrapera celui de l'année dernière. Pendant ce temps, Swift prépare la fin de sa mission sur terre.</t>
  </si>
  <si>
    <t>FR77798-HDTX</t>
  </si>
  <si>
    <t>21:00:00</t>
  </si>
  <si>
    <t>La force noire</t>
  </si>
  <si>
    <t>Quand Gabby découvre que Swift est encore sur terre, elle est déterminée à le faire revenir en tant que principal parce que sa remplaçante est un cauchemar !</t>
  </si>
  <si>
    <t>FR84770-HDTX</t>
  </si>
  <si>
    <t>21:25:00</t>
  </si>
  <si>
    <t>Le roi de la fête et Timbuk</t>
  </si>
  <si>
    <t>5</t>
  </si>
  <si>
    <t>Alors que Gabby décide d'organiser chez elle, une fête pour Jeremy, lui, décide d'inviter des êtres douteux et la situation tourne vite au désastre.</t>
  </si>
  <si>
    <t>FR77796-HDTX</t>
  </si>
  <si>
    <t>22:00:00</t>
  </si>
  <si>
    <t>SYDNEY AU MAX</t>
  </si>
  <si>
    <t>Fixer les règles</t>
  </si>
  <si>
    <t>24</t>
  </si>
  <si>
    <t>Après que Sydney a été punie pour avoir été en retard pour le couvre-feu, elle ne peut pas se rendre au musée éphémère du gâteau avec Olive et Sophia.</t>
  </si>
  <si>
    <t>FR82695-HDTX</t>
  </si>
  <si>
    <t>22:25:00</t>
  </si>
  <si>
    <t>Sydney To The Max S2 Ep 27 : Devenir une femme</t>
  </si>
  <si>
    <t>27</t>
  </si>
  <si>
    <t>Sydney a un accident à l'école après avoir eu ses premières règles. Elle est maintenant trop gênée pour jouer son solo de basse au concert de l'école.</t>
  </si>
  <si>
    <t>FR82698-HDTX</t>
  </si>
  <si>
    <t>23:00:00</t>
  </si>
  <si>
    <t>DISNEY FAM JAM, DÉFIS EN FAMILLE</t>
  </si>
  <si>
    <t>Disney Fam Jam, Défis en famille</t>
  </si>
  <si>
    <t>12</t>
  </si>
  <si>
    <t>Animé par Ariel Martin et Trevor Tordjman de ZOMBIES 2, des familles de toute l'Amérique se réunissent pour s'affronter dans le tout nouveau spectacle de compétition de danse de Disney Channel, Fam Jam ! Entraînés par le chorégraphe primé Phil Wright, les membres des familles sortiront de leur salon et se mettront sous le feu des projecteurs pour voir s'ils ont les épaules pour être les prochains champions et gagner un prix de 10 000 dollars en espèces.</t>
  </si>
  <si>
    <t>25min</t>
  </si>
  <si>
    <t>FR86012-HDTX</t>
  </si>
  <si>
    <t>23:25:00</t>
  </si>
  <si>
    <t>24min</t>
  </si>
  <si>
    <t>FR86011-HDTX</t>
  </si>
  <si>
    <t>LES NUITS DE Disney Channel France</t>
  </si>
  <si>
    <t>06/12/2020</t>
  </si>
  <si>
    <t>dimanche</t>
  </si>
  <si>
    <t>FRIENDS: CINQ FILLES EN MISSION</t>
  </si>
  <si>
    <t>Il était une fois un phare</t>
  </si>
  <si>
    <t>Réalisateur: Stephen Murray, Réalisateur: Andrew TanRéalisateur: Stephen Murray, Réalisateur: Andrew Tan</t>
  </si>
  <si>
    <t>Quand les filles passent la nuit dans le phare pour s’occuper des animaux en difficulté, Emma se demande si le journal effrayant de l’ancien gardien de phare est relié aux choses étranges qui commencent à se produire.</t>
  </si>
  <si>
    <t>Danemark</t>
  </si>
  <si>
    <t>10min</t>
  </si>
  <si>
    <t>FR72260-HDTX</t>
  </si>
  <si>
    <t>06:10:00</t>
  </si>
  <si>
    <t>Un entraînement de cheval</t>
  </si>
  <si>
    <t>Les filles décident d'aider Barney le cheval policier a dépassé ses peurs.</t>
  </si>
  <si>
    <t>FR72261-HDTX</t>
  </si>
  <si>
    <t>Zobo 2.0</t>
  </si>
  <si>
    <t>Carter et Mallory veulent se débarrasser du robot des filles Zobo</t>
  </si>
  <si>
    <t>FR72262-HDTX</t>
  </si>
  <si>
    <t>06:35:00</t>
  </si>
  <si>
    <t>Naufragées</t>
  </si>
  <si>
    <t>35</t>
  </si>
  <si>
    <t>Réalisateur: Andrew Tan, Réalisateur: Stephen MurrayRéalisateur: Stephen Murray, Réalisateur: Andrew Tan</t>
  </si>
  <si>
    <t>Les filles veulent essayer de découvrir ce que manigance Carter en pleine mer</t>
  </si>
  <si>
    <t>FR72263-HDTX</t>
  </si>
  <si>
    <t>Anansi</t>
  </si>
  <si>
    <t>47</t>
  </si>
  <si>
    <t>Alors que Marinette, Alya et Nino s’apprêtent à sortir, Nora, la grande sœur surprotectrice d’Alya, intervient : toutes les récentes akumatisations l’inquiètent. Elle refuse de laisser Alya sortir, c’est trop dangereux. Nino lui affirme alors qu’il protègera Alya en cas de danger et Nora lui lance un défi : s’il gagne, Alya pourra les accompagner. Impatiente de sortir, Marinette triche et aide Nino à gagner.Restée seule et inquiète pour sa sœur, Nora se fait akumatiser par le Papillon et devient Anansi, une femme araignée géante.</t>
  </si>
  <si>
    <t>FR32421-HDTX</t>
  </si>
  <si>
    <t>Volpina</t>
  </si>
  <si>
    <t>26</t>
  </si>
  <si>
    <t>Marinette a une rivale au collège, une nouvelle élève qui s’appelle Lila et qui semble un peu trop s’intéresser à Adrien. La jeune fille raconte à ce dernier qu’elle en sait long sur les super héros, et même qu’elle connaît Ladybug ! Furieuse de voir qu’Adrien semble séduit, Marinette se transforme en Ladybug pour confondre Lila. Mais elle s’en fait une ennemie mortelle en l’humiliant devant Adrien.</t>
  </si>
  <si>
    <t>PG19212-TX</t>
  </si>
  <si>
    <t>L'intrus</t>
  </si>
  <si>
    <t>4</t>
  </si>
  <si>
    <t>Luz et King doivent protéger le manoir d'un mystérieux intrus.</t>
  </si>
  <si>
    <t>FR80367-HDTX</t>
  </si>
  <si>
    <t>16</t>
  </si>
  <si>
    <t>Princesse Naomi</t>
  </si>
  <si>
    <t>19</t>
  </si>
  <si>
    <t>Réalisateur: Elliot BourRéalisateur: Elliot Bour</t>
  </si>
  <si>
    <t>Elena décide d'organiser une Quinceañera royale pour Naomi mais celle-ci semble un peu trop apprécier être le centre de l'attention.</t>
  </si>
  <si>
    <t>FR30428-HDTX</t>
  </si>
  <si>
    <t>L’apprentie magicienne</t>
  </si>
  <si>
    <t>22</t>
  </si>
  <si>
    <t>Mateo prend une apprentie et se rend compte qu'enseigner est plus difficile qu'il n'y paraît !</t>
  </si>
  <si>
    <t>FR30431-HDTX</t>
  </si>
  <si>
    <t>09:15:00</t>
  </si>
  <si>
    <t>La Légende du Gecko</t>
  </si>
  <si>
    <t>23</t>
  </si>
  <si>
    <t>Malgré leurs désaccords, Elena et Isabel doivent apprendre à travailler ensemble pour aider un explorateur frappé par une malédiction.</t>
  </si>
  <si>
    <t>FR30432-HDTX</t>
  </si>
  <si>
    <t>09:40:00</t>
  </si>
  <si>
    <t>Le Festin de l'Amitié</t>
  </si>
  <si>
    <t>Réalisateur: Nathan Chew, Réalisateur: Elliot BourRéalisateur: Elliot Bour</t>
  </si>
  <si>
    <t>Lorsque des ambassadeurs invités à Avalor sont ensorcelés par des masques magiques, Elena doit faire face à l'entêtement de Doña Paloma pour les sauver.</t>
  </si>
  <si>
    <t>FR30433-HDTX</t>
  </si>
  <si>
    <t>10:20:00</t>
  </si>
  <si>
    <t>Climatika</t>
  </si>
  <si>
    <t>Aurore Boréale est la perdante d’un concours où les téléspectateurs devaient voter pour élire la nouvelle miss météo de la chaîne Kidz Plus. Akumatisée par Le Papillon, elle devient Climatika et se venge de tous ceux qui n’ont pas voté pour elle. Ladybug et Chat Noir vont devoir lutter contre son pouvoir qui plonge Paris dans un chaos météorologique.Journée orageuse pour Marinette ! Elle a la responsabilité de garder Manon, une petite fille qui met à mal son sens de l’autorité, alors qu’au même moment, Adrien, l’élu de son cœur, est en pleine séance photos au parc.</t>
  </si>
  <si>
    <t>PG19187-TX</t>
  </si>
  <si>
    <t>10:50:00</t>
  </si>
  <si>
    <t>Malédikteur</t>
  </si>
  <si>
    <t>48</t>
  </si>
  <si>
    <t>Après s’être ridiculisée devant toute la classe, Chloé demande à son père de la venger. Mais Mr. Bourgeois a beau être le maire de Paris, ses pouvoirs ont quand même des limites. Déçue, Chloé le menace alors de partir vivre à New York avec sa mère.Paniqué et désemparé, Mr. Bourgeois se fait akumatiser par le Papillon et devient Malédikteur. Désormais doté d’un pouvoir absolu, il veut réaliser tous les rêves de sa fille Mais quand Chat Noir tombe aux prises de Malédikteur, Marinette / Ladybug n’a d’autre choix que de faire appel à Queen Bee, alias Chloé !</t>
  </si>
  <si>
    <t>FR32422-HDTX</t>
  </si>
  <si>
    <t>11:20:00</t>
  </si>
  <si>
    <t>Le marchand de sable</t>
  </si>
  <si>
    <t>Parcourant la ville sur son nuage magique, le Marchand de Sable donne vie aux mauvais rêves de tous ceux qu’il croise, y compris Marinette et Adrien. Marinette se retrouve alors poursuivie par une vision cauchemardesque d’un Adrien amoureux de Chloé, tandis que le vrai Adrien, lui, se fait emprisonner dans sa chambre !Tikki et Plagg passent la nuit avec les autres kwamis, Marinette et Adrien ne peuvent pas se transformer en Ladybug et Chat Noir pour aller affronter l’énigmatique Marchand de Sable… Parviendront-ils à retrouver Tikki et Plagg à temps pour faire cesser ce cauchemar?</t>
  </si>
  <si>
    <t>FR32423-HDTX</t>
  </si>
  <si>
    <t>Gabby Duran, Baby-sitter d’extraterrestres S1 Ep 18</t>
  </si>
  <si>
    <t>18</t>
  </si>
  <si>
    <t>Gabby Duran a le sentiment de vivre dans l'ombre de sa mère Dina, une femme brillante qui a réussi sa vie, et de sa petite sœur Olivia, qui est très intelligente. Mais Gabby trouve enfin un moyen de briller quand elle va devoir jouer la baby-sitter pour des extraterrestres qui se cachent sur Terre. Gabby n'a peur de rien et elle est très courageuse. Elle va relever le défi afin de prouver que c'est la meilleure baby-sitter de la galaxie.</t>
  </si>
  <si>
    <t>FR77790-HDTX</t>
  </si>
  <si>
    <t>Licorne et le travail d'équipe ! / Pas touche, Licorne !</t>
  </si>
  <si>
    <t>Lorsqu'avec l'aide de Licorne, Alice et sa mère décident d'auditionner pour une émission de télé, elles réalisent que travailler en équipe, c'est plus difficile que ça en a l'air. / Alice et son père participent à un concours de maquettes. Tout se passait à merveille jusqu'à ce que Licorne soit appelé à juger les modèles réduits.</t>
  </si>
  <si>
    <t>FR63178-HDTX</t>
  </si>
  <si>
    <t>Licorne enquête !</t>
  </si>
  <si>
    <t>Lorsque la figurine d’Alice à l’effigie de l’inspecteur Brioche disparaît mystérieusement, Alice et Licorne décident de prendre l’enquête en main et de résoudre l’affaire.</t>
  </si>
  <si>
    <t>FR63226-HDTX</t>
  </si>
  <si>
    <t>Rossignoble</t>
  </si>
  <si>
    <t>Laura Rossignol, une jeune chanteuse américaine, est à Paris pour tourner le clip de sa dernière chanson : une déclaration d'amour à Ladybug et Chat Noir. Mais Laura se fait akumatiser par le Papillon. Devenue Rossignoble, et armée de son micro magique, elle veut se venger de Chloé et faire de Paris une gigantesque comédie musicale, en forçant les Parisiens à chanter et danser sans s’arrêter sous peine d’être figés à jamais. Pour l’arrêter, Ladybug et Chat Noir ne devront pas perdre le rythme !</t>
  </si>
  <si>
    <t>FR56614-HDTX</t>
  </si>
  <si>
    <t>Le périple de Della Duck !</t>
  </si>
  <si>
    <t>Réalisateur: Matt Youngberg, Réalisateur: Francisco AngonesRéalisateur: Matt Youngberg, Réalisateur: Francisco Angones</t>
  </si>
  <si>
    <t>Seule, Della se bat pour survivre dans l'environnement hostile de la Lune. Arrivera-t-elle à retourner sur Terre et à retrouver sa famille ?</t>
  </si>
  <si>
    <t>FR62627-HDTX</t>
  </si>
  <si>
    <t>Amitiés surnaturelles !</t>
  </si>
  <si>
    <t>Coincée dans le royaume des ombres, Léna tente de protéger Zaza de son étrange nouvelle amie, Violette, au cours d'une soirée pyjama teintée de surnaturel.</t>
  </si>
  <si>
    <t>FR62628-HDTX</t>
  </si>
  <si>
    <t>Il court, il court le colis</t>
  </si>
  <si>
    <t>Lola a décidé d’envoyer un colis à son correspondant japonais. Mais voilà, les Guanos en profitent pour glisser Capuche dans le colis. Paf va devoir faire preuve d’imagination pour empêcher que le chaton ne se retrouve de l’autre côté de la Terre.</t>
  </si>
  <si>
    <t>FR66540-HDTX</t>
  </si>
  <si>
    <t>RaplaPaf</t>
  </si>
  <si>
    <t>Lola trouve que Paf s’empâte un peu. Rien de tel qu’un peu d’exercice au grand air ! Accompagnée de Victor, elle va donc à un petit parcours de santé pour chiens. Et c’est peu de dire que la journée ne sera pas de tout repos pour notre héros qui doit remporter la course et empêcher les Guanos de jeter Capuche dans le broyeur de branches...</t>
  </si>
  <si>
    <t>FR66541-HDTX</t>
  </si>
  <si>
    <t>Une journée en enfer</t>
  </si>
  <si>
    <t>Lola et ses amis doivent rendre un devoir de maths le lendemain. Mais Victor trouve qu’il est plus cool de se simplifier la vie en… volant le devoir de la jeune fille. Paf part donc en expédition commando pour récupérer le devoir. Mais la maison de Victor se révèle pleine de pièges. Et l’un d’eux s’appelle Tank !</t>
  </si>
  <si>
    <t>FR66542-HDTX</t>
  </si>
  <si>
    <t>Le prix de la paix à Norberg</t>
  </si>
  <si>
    <t>56</t>
  </si>
  <si>
    <t>Elena se rend à Norberg pour aider deux souverains à régler leurs différends.</t>
  </si>
  <si>
    <t>FR71254-HDTX</t>
  </si>
  <si>
    <t>La magie en moi, première partie</t>
  </si>
  <si>
    <t>57</t>
  </si>
  <si>
    <t>La veille du carnaval, Elena tombe dans le puits aux cristaux et voit ses pouvoirs transformés et augmentés.</t>
  </si>
  <si>
    <t>FR71255-HDTX</t>
  </si>
  <si>
    <t>Le Mime</t>
  </si>
  <si>
    <t>13</t>
  </si>
  <si>
    <t>Catastrophe ! Marinette a effacé sans le vouloir une vidéo qu’Alya avait faite de Ladybug et où cette dernière la complimentait pour le Ladyblog ! Pensant qu’Alya sera furieuse, Marinette décide de lui cacher la vérité et de se transformer en Ladybug pour tourner à nouveau le film effacé. Mais son plan est compromis lorsqu’un nouveau vilain apparaît.</t>
  </si>
  <si>
    <t>PG19199-TX</t>
  </si>
  <si>
    <t>Princesse Fragrance</t>
  </si>
  <si>
    <t>La journée commence mal pour Marinette : non seulement Tikki est très malade, mais à force de repousser le moment de la faire soigner, notre héroïne finit par la perdre par négligence ! Pendant ce temps, Rose, une élève du collège très romantique, est akumatisée par Le Papillon. Devenue Princesse Fragrance et armée de son flacon de parfum, elle sème une pagaille parfumée dans toute la capitale et enlève l’élu de son cœur, un prince en visite à Paris.Chat Noir s’étant fait envoûter par Princesse Fragrance, c’est à Ladybug d’affronter seule la méchante… et Chat Noir !</t>
  </si>
  <si>
    <t>PG19201-TX</t>
  </si>
  <si>
    <t>Les sorcières avant les enchanteurs</t>
  </si>
  <si>
    <t>Lorsqu'un ancien enchanteur donne un parchemin à Luz qui la conduira vers une quête mystique, elle se demande si elle est bien "l'être élu" ?</t>
  </si>
  <si>
    <t>FR83176-HDTX</t>
  </si>
  <si>
    <t>Abomination abominable</t>
  </si>
  <si>
    <t>Luz se glisse dans l'école de magie pour aider une nouvelle amie et se fait des ennemis en chemin.</t>
  </si>
  <si>
    <t>FR80366-HDTX</t>
  </si>
  <si>
    <t>Auteur à succès</t>
  </si>
  <si>
    <t>King devient un auteur à succès et apprend à bien lire un contrat.</t>
  </si>
  <si>
    <t>FR80356-HDTX</t>
  </si>
  <si>
    <t>L’imposteur</t>
  </si>
  <si>
    <t>Catastrophe ! Marinette a laissé par erreur un message sur le répondeur d’Adrien dans lequel elle lui avoue ses sentiments. Il faut absolument qu’elle retrouve le téléphone d’Adrien avant lui pour effacer le message compromettant.Prise dans sa course contre la montre, elle ne peut pas assister à l’inauguration d’une statue de Ladybug et Chat Noir créée par Théo Camiel. Chat Noir profite de son absence pour faire croire à Théo, amoureux de notre héroïne, qu’il y a plus que de l’amitié entre Ladybug et lui. Déçu et jaloux, Théo est akumatisé par Le Papillon.</t>
  </si>
  <si>
    <t>PG19189-TX</t>
  </si>
  <si>
    <t>19:25:00</t>
  </si>
  <si>
    <t>Chronogirl</t>
  </si>
  <si>
    <t>Les camarades de classe d’Alix cassent, sans le faire exprès, une montre d’une valeur inestimable offerte par son père. Furieuse, elle est akumatisée par Le Papillon et devient Timebreaker. Armée de ses rollers, elle compte utiliser l’énergie de ses camarades en les faisant disparaître pour pouvoir remonter dans le temps et sauver sa montre. En essayant de l’arrêter, Ladybug retourne dans le passé avec elle.Aidée de Chat Noir et de son double du passé, elle doit neutraliser Timebreaker. Mais la tâche n’est pas aisée, car Timebreaker s’est elle aussi dédoublée !</t>
  </si>
  <si>
    <t>PG19190-TX</t>
  </si>
  <si>
    <t>19:50:00</t>
  </si>
  <si>
    <t>Le Pharaon</t>
  </si>
  <si>
    <t>A cause d’une maladresse de Ladybug, Alya est persuadée que cette dernière est une collégienne. Pour empêcher Alya de découvrir son secret et suivant les conseils de Tikki, Marinette entraîne alors sa meilleure amie au musée, sans savoir elle-même pourquoi.Mais sur place, le grand frère d’Alix, Jalil, un jeune égyptologue, est akumatisé par Le Papillon et devient Pharaon, un super vilain doté des pouvoirs des dieux de l’Egypte ancienne. Il compte sacrifier Alya lors d’un rituel afin de ressusciter son amour perdu, une antique princesse égyptienne !</t>
  </si>
  <si>
    <t>PG19191-TX</t>
  </si>
  <si>
    <t>20:15:00</t>
  </si>
  <si>
    <t>M. Pigeon</t>
  </si>
  <si>
    <t>6</t>
  </si>
  <si>
    <t>M. Ramier aime nourrir les pigeons, mais les gardiens de parc le lui interdisent et le bannissent. Akumatisé en M. Pigeon et aidé par ses amis à plumes, il veut faire de la capitale un véritable royaume pour pigeons. Il enlève donc tous les gardiens de square, leurs ennemis jurés, et la ville se retrouve envahie par les pigeons.Ladybug et Chat Noir doivent se débarrasser de cet emplumé, mais les allergies de Chat Noir ne sont pas pour leur faciliter la tâche.</t>
  </si>
  <si>
    <t>PG19192-TX</t>
  </si>
  <si>
    <t>MICKEY MOUSE COMPILATION</t>
  </si>
  <si>
    <t>Biscuits et surpoids / La chaudière hantée / Une nuit à Moscou</t>
  </si>
  <si>
    <t>Réalisateur: Aaron SpringerRéalisateur: Aaron Springer</t>
  </si>
  <si>
    <t>2014</t>
  </si>
  <si>
    <t>PG74800-TX</t>
  </si>
  <si>
    <t>21:10:00</t>
  </si>
  <si>
    <t>Une fleur pour Minnie / Mickey et le singe / Mickey voit rouge</t>
  </si>
  <si>
    <t>PG74810-TX</t>
  </si>
  <si>
    <t>21:20:00</t>
  </si>
  <si>
    <t>Les as du rodéo / Croissant de Triomphe / L’entretien d’embauche</t>
  </si>
  <si>
    <t>PG74820-TX</t>
  </si>
  <si>
    <t>21:30:00</t>
  </si>
  <si>
    <t>Les collerettes / La Mélodie des Îles</t>
  </si>
  <si>
    <t>Pluto est déprimé car il doit porter une collerette. Mickey décide d'en porter une aussi pour le soutenir. / Mickey travaille sa mélodie au hukulélé, mais tout semble s'acharner pour qu'il ne réussisse pas à terminer sa chanson.</t>
  </si>
  <si>
    <t>FR62657-HDTX</t>
  </si>
  <si>
    <t>101, RUE DES DALMATIENS</t>
  </si>
  <si>
    <t>Plagiat poétique / Coup de foudre</t>
  </si>
  <si>
    <t>Dolly prétend être l'auteur des poèmes de Dylan pour impressionner Hansel. Dylan se crée une nouvelle personnalité pour attirer l'attention de Portia.</t>
  </si>
  <si>
    <t>Royaume-Uni</t>
  </si>
  <si>
    <t>FR79063-HDTX</t>
  </si>
  <si>
    <t>AD</t>
  </si>
  <si>
    <t>Sortie entre filles / Ça tourne !</t>
  </si>
  <si>
    <t>Dolly et sa mère se disputent le jour de la fête des mères. Doug espère les réconcilier en leur offrant une journée au spa. Dolly, Dylan et Deepak remplacent les Trois D pour un tournage de pub.</t>
  </si>
  <si>
    <t>FR79064-HDTX</t>
  </si>
  <si>
    <t>La fièvre de l'or</t>
  </si>
  <si>
    <t>36</t>
  </si>
  <si>
    <t>Les enfants doivent empêcher Picsou de sombrer dans l'obsession à cause de 87 cents qu'on lui aurait volés.</t>
  </si>
  <si>
    <t>FR62631-HDTX</t>
  </si>
  <si>
    <t>La lance dorée !</t>
  </si>
  <si>
    <t>37</t>
  </si>
  <si>
    <t>Della reconstruit son vaisseau, mais Pénombre est convaincue qu'elle prépare une attaque. De son côté, Donald essaie de se reposer mais doit toujours partir à l'aventure.</t>
  </si>
  <si>
    <t>FR62632-HDTX</t>
  </si>
  <si>
    <t>07/12/2020</t>
  </si>
  <si>
    <t>lundi</t>
  </si>
  <si>
    <t>LES GREEN À BIG CITY</t>
  </si>
  <si>
    <t>Attention au requin / Cricket marionnettiste</t>
  </si>
  <si>
    <t>La famille Green passe la journée à la plage et Cricket veut faire une blague aux baigneurs. Cricket arrive à s'immiscer dans les rêves des membres de sa famille et à les influencer, pour le pire.</t>
  </si>
  <si>
    <t>FR87811-HDTX</t>
  </si>
  <si>
    <t>Bill est accro / Côté sauvage</t>
  </si>
  <si>
    <t>39</t>
  </si>
  <si>
    <t>Bill devient accro à un jeu vidéo de simulation de ferme. Le côté sauvage de Cricket prend le dessus lorsque Bill refuse de l'emmener camper.</t>
  </si>
  <si>
    <t>FR70942-HDTX</t>
  </si>
  <si>
    <t>Le jour des Héros - Partie 1</t>
  </si>
  <si>
    <t>50</t>
  </si>
  <si>
    <t>C’est le Jour des Héros à Paris, et chacun doit préparer une bonne action pour les autres. Mais Marinette n’a pas eu le temps de s’occuper de la sienne. De peur de décevoir ses amis en leur annonçant qu’elle n’a rien préparé, Marinette leur ment et se retrouve rapidement dépassée par son propre mensonge.Mais son cauchemar ne fait que commencer. En effet, de son côté, le Papillon akumatise son assistante Nathalie en Catalyste, une super vilaine qui lui permettra de mettre en action le plan qu’il prépare depuis si longtemps… un plan censé lui permettre de vaincre enfin Ladybug et Chat Noir…</t>
  </si>
  <si>
    <t>FR32424-HDTX</t>
  </si>
  <si>
    <t>Le jour des Héros - Partie 2</t>
  </si>
  <si>
    <t>51</t>
  </si>
  <si>
    <t>Le Papillon, devenu Papillon Ecarlate grâce à Catalyste, a enfin mis à exécution son terrible plan en réakumatisant tous ses anciens vilains !Pour les affronter, Ladybug et Chat Noir se retrouvent à la tête d’une équipe de super héros composée de Rena Rouge, Queen Bee et Carapace. Mais les héros ne sont pas habitués à travailler ensemble et se rendent rapidement compte qu’ils manquent d’entraînement. Très vite, ils se retrouvent dans une situation extrêmement difficile et sont sur le point de se faire vaincre par Papillon Ecarlate…</t>
  </si>
  <si>
    <t>FR32425-HDTX</t>
  </si>
  <si>
    <t>Une espionne au palais</t>
  </si>
  <si>
    <t>Réalisateur: Robb PrattRéalisateur: Robb Pratt</t>
  </si>
  <si>
    <t>Carla, qui a changé d’apparence, s’infiltre dans le palais pour tenter de voler le diadème de la mère d’Elena.</t>
  </si>
  <si>
    <t>FR54799-HDTX</t>
  </si>
  <si>
    <t>Esprit d'équipe</t>
  </si>
  <si>
    <t>Pour participer à une exposition de science, Isabel doit travailler avec ses amis mais elle ignore les conseils d'Elena sur le travail en équipe et décide de créer son invention toute seule.</t>
  </si>
  <si>
    <t>FR54800-HDTX</t>
  </si>
  <si>
    <t>08:45:00</t>
  </si>
  <si>
    <t>Le Retour de la Sorcière</t>
  </si>
  <si>
    <t>Rita, qui n’est autre que Carla déguisée, éveille les soupçons de Naomi ; laquelle tente de convaincre Elena de se méfier.</t>
  </si>
  <si>
    <t>FR54801-HDTX</t>
  </si>
  <si>
    <t>SADIE SPARKS</t>
  </si>
  <si>
    <t>Manuel d'arnaques avancées / La montre monstrueuse</t>
  </si>
  <si>
    <t>Réalisateur: Olivier Lelardoux, Réalisateur: Bronagh O'HanlonRéalisateur: Olivier Lelardoux, Réalisateur: Bronagh O'Hanlon</t>
  </si>
  <si>
    <t>Sadie et Blaine se battent pour un grimoire qui finit par s'ouvrir. Surprise ! Le grimoire parle ! Ce que Sadie et Blaine ignorent, c'est qu'un magicien particulièrement pénible est emprisonné dans ce livre et que celui-ci est utilisé aujourd'hui par les mentors des jeunes apprentis sorciers pour punir leurs élèves trop impulsifs. / Un jour, Teepee n'arrive pas à ouvrir son casier et Sadie utilise la magie pour l'aider. Malheureusement, Teepee constate que la précieuse montre de son grand-père a disparu. Sadie se dit qu'elle a dû l'envoyer par mégarde dans le Labyrinthe.</t>
  </si>
  <si>
    <t>FR61473-HDTX</t>
  </si>
  <si>
    <t>Meilleures amies pour la vie / Echange de monstres</t>
  </si>
  <si>
    <t>Lors de l'audition pour le nouveau clip de Whatev, Val se moque de la performance de Sadie. La jeune fille lui lance un sort d'amitié pour la rendre plus sympa. Mais Val devient particulièrement exclusive avec Sadie et un écart se creuse entre Sadie et Lulu. / En rapportant un objet magique dans le Labyrinthe, Sadie remarque que le gardien n'a pas l'air dans son assiette. Elle ne peut s'empêcher de lui parler et de l'encourager à prendre un peu de temps pour profiter de la vie. Malheureusement, son petit discours a eu un profond impact sur le monstre qui débarque alors chez Sadie.</t>
  </si>
  <si>
    <t>FR81069-HDTX</t>
  </si>
  <si>
    <t>HOTEL TRANSYLVANIE</t>
  </si>
  <si>
    <t>Kaskadenstein</t>
  </si>
  <si>
    <t>Réalisateur: Robin BuddRéalisateur: Robin Budd</t>
  </si>
  <si>
    <t>Frankenstein joue dans son nouveau film d’action « L’inspecteur Lecogneur » tourné dans l’hôtel Transylvanie. Nos amis ont très hâte de le voir tourner ses scènes d’action, mais découvrent que ce n’est pas lui qui exécute ses cascades. Hank est tellement déçu que son père décide d’effectuer lui-même la cascade suivante, mais il se blesse gravement. Hank le remplace secrètement devant la caméra, alors que le docteur Gillman finit de rafistoler Frankenstein. Le réalisateur découvrira-t-il la supercherie ?</t>
  </si>
  <si>
    <t>FR37018-HDTX</t>
  </si>
  <si>
    <t>Avec ou sans Blob ?</t>
  </si>
  <si>
    <t>Wendy en a assez de son père qui veut jouer les papas sympas et ne la lâche pas d’une semelle. De son côté, Tante Lydia, stressée par l’arrivée des cervelles flottantes pour le congrès des Esprits unifiés, se défoule sur Mavis. Les deux amies se concertent et trouvent un moyen de se débarrasser de leurs enquiquinants tuteurs : ils leur arrangent un rendez-vous galant, espérant qu’ils tombent amoureux. Bien sûr l’affaire tourne mal et monsieur Blob, vexé, décide de quitter l’hôtel avec sa fille pour toujours !</t>
  </si>
  <si>
    <t>FR37019-HDTX</t>
  </si>
  <si>
    <t>Le club des mauvais sorts</t>
  </si>
  <si>
    <t>Incapable de jeter des sorts, Pedro déprime. À quoi bon être une momie s’il ne peut ensorceler personne ? Pour lui remonter le moral, Mavis, la jeune vampire au grand cœur, fait semblant d’être la victime d’un de ses sortilèges bidon. C’est une idée brillante, mais qui malheureusement marche un peu trop bien : gonflé à bloc, Pedro décide de participer à une compétition où s’affrontent des momies à coups de sortilèges, le Club des mauvais sorts, où il a toutes les chances de se faire massacrer.</t>
  </si>
  <si>
    <t>FR37020-HDTX</t>
  </si>
  <si>
    <t>11:10:00</t>
  </si>
  <si>
    <t>Jackady</t>
  </si>
  <si>
    <t>20</t>
  </si>
  <si>
    <t>Venu présenter un numéro d’hypnose lors d’un concours de talents à la télévision, Jacques Grimault se fait humilier par Gabriel Agreste, le père d’Adrien. Akumatisé par Le Papillon, il devient Jackady. Armé de son jeu de cartes, il lui suffit de donner un ordre pour se faire obéir de tous. Et le vilain compte bien se servir de son nouveau don pour se venger de Gabriel, hypnotisant tout Paris sur son passage.Ladybug et Chat Noir doivent absolument intervenir, Chat Noir / Adrien pour protéger son père, et Ladybug / Marinette pour sauver le père d’Adrien et Adrien lui-même.</t>
  </si>
  <si>
    <t>PG19206-TX</t>
  </si>
  <si>
    <t>11:35:00</t>
  </si>
  <si>
    <t>Numeric</t>
  </si>
  <si>
    <t>Vincent Asa est fan de la rockstar Jagged Stone. Akumatisé par Le Papillon, il devient Numeric et compte capturer l’image de son idole pour toujours. Ladybug et Chat Noir devront faire attention à ne pas se faire flasher !</t>
  </si>
  <si>
    <t>PG19209-TX</t>
  </si>
  <si>
    <t>12:10:00</t>
  </si>
  <si>
    <t>ZIP ZIP</t>
  </si>
  <si>
    <t>Gracie et Alphie</t>
  </si>
  <si>
    <t>29</t>
  </si>
  <si>
    <t>Réalisateur: Lionel AllaixRéalisateur: Lionel Allaix</t>
  </si>
  <si>
    <t>Comme toujours, Victoria tente de faire la sieste. Et comme toujours, les charmants-petits-voisins, Gracie et Alphie, font du bruit. Ils frappent non-stop sur un xylophone pour enfants. Vic se dépêche de cacher cette machine à bruit, mais c’est le retour de bâton quand toute la maison doit jouer les baby-sitters pour les bambins en larmes tandis que leur maman file au magasin de jouets en acheter un nouveau.</t>
  </si>
  <si>
    <t>PG12915-TX</t>
  </si>
  <si>
    <t>Chien Super Star</t>
  </si>
  <si>
    <t>30</t>
  </si>
  <si>
    <t>Moqué par Alvarez et Platon, Washington décide de participer au grand concours Royales Croquettes. Washington à un concours pour chiens ? Alvarez et Platon rigolent comme des baleines. Jamais il ne gagnera, il est trop... bizarre. Fier, Wash s’entraîne dur avec l’aide de Mr Livingstone et de ses amis pour devenir un véritable chien de concours. Le grand jour arrive et Wash est fin prêt à gagner. Sauf que le Vétérinaire est là aussi. Le concours porte en effet sur les talents des chiens mais aussi sur leur aspect physique.</t>
  </si>
  <si>
    <t>PG12916-TX</t>
  </si>
  <si>
    <t>12:30:00</t>
  </si>
  <si>
    <t>Va Chercher !</t>
  </si>
  <si>
    <t>S’il y a bien une tradition canine pour laquelle Washington n’éprouve aucune affinité, c’est bien « Va chercher ! ». Mais M. Livingstone adore ce rituel homme-chien et Wash sait qu’il doit « jouer à la balle » sinon ça semblera bizarre. Un jour au parc, il est particulièrement motivé en voyant Alvarez et son propriétaire se montrer très compétitifs. Alvarez sprinte vers la forêt et ramène la balle à chaque fois – Wash ne peut pas décevoir M. Livingstone ! Mais dans la forêt, Wash va vite découvrir un adversaire de taille : c’est Mitch l’Ours !</t>
  </si>
  <si>
    <t>PG12917-TX</t>
  </si>
  <si>
    <t>12:40:00</t>
  </si>
  <si>
    <t>Washington Chien De Garde</t>
  </si>
  <si>
    <t>Alors que les Livingstone s’absentent pour la journée, M. Livingstone lance à Washington, sur le ton de la blague, qu’il faut qu’il soit un bon chien de garde et que ce serait dommage que des cambrioleurs profitent de leur absence pour entrer dans la maison. Wash prend cette remarque au sérieux et se met en tête de protéger la maison contre les voleurs.</t>
  </si>
  <si>
    <t>PG12918-TX</t>
  </si>
  <si>
    <t>13:05:00</t>
  </si>
  <si>
    <t>Gorizilla</t>
  </si>
  <si>
    <t>Alors que Gabriel soupçonne Adrien d’être Chat Noir, ce dernier parvient à déjouer la vigilance de son garde du corps et à sortir de chez lui. Incapable de retrouver Adrien, son garde du corps est akumatisé en Gorizilla. Commence alors une véritable chasse à l’homme. Gorizilla, doté d’un flair et d’une force hors du commun, qui traquent Adrien dans tout Paris.Marinette et Adrien parviendront-ils à leur échapper pour devenir Ladybug et Chat Noir et arrêter le super vilain ? Et Gabriel découvrira-t-il la vérité sur la double identité de son fils ?</t>
  </si>
  <si>
    <t>FR32410-HDTX</t>
  </si>
  <si>
    <t>13:30:00</t>
  </si>
  <si>
    <t>Pire Noël</t>
  </si>
  <si>
    <t>52</t>
  </si>
  <si>
    <t>Alors que Marinette prépare le réveillon en famille, Adrien s’apprête à passer son premier Noël sans sa mère. Le collégien attristé se transforme en Chat Noir et va chanter sa colère dans Paris enneigé. Quand Gabriel découvre qu’Adrien n’est plus là, il le fait rechercher. Apprenant la nouvelle, Marinette se transforme aussitôt en Ladybug, bien décidée à retrouver son Adrien. Elle le retrouve enfin en compagnie d’un Père Noël, mais pense que ce dernier est un akumatisé. Ladybug se trompe et créée des émotions négatives chez le Père Noël qui devient alors réellement une victime de Papillon.</t>
  </si>
  <si>
    <t>FR32426-HDTX</t>
  </si>
  <si>
    <t>Bazar dans la Chambre/ L'Amnésie de Tank/ Page Envolée</t>
  </si>
  <si>
    <t>Paf aide Lola qui doit absolument ranger sa chambre. Les Guanos attirés par le désordre, imaginent la chambre comme un grand parc d'attraction./ Victor confie Tank à Lola. A cause des Guanos, Tank se cogne dans une armoire ce qui modifie totalement son comportement. Paf va devoir s'occuper de Tank pour qu'il retrouve son état normal./ Alors que Lola veut découvrir la dernière page de la BD de son papa, celle-ci s’envole par la fenêtre. Paf va tout faire pour la récupérer.</t>
  </si>
  <si>
    <t>FR83003-HDTX</t>
  </si>
  <si>
    <t>14:30:00</t>
  </si>
  <si>
    <t>Pigeonnosaurus Rex</t>
  </si>
  <si>
    <t>21</t>
  </si>
  <si>
    <t>En balade à la montagne, Lola a découvert un volatile prisonnier dans la glace. S’agirait-il d’un Guano préhistorique ? Les trois pigeons rebelles en sont persuadés et veulent à tout prix libérer leur ancêtre, avant que le directeur du musée appelé par Lola n’arrive. Paf va tout faire pour sauver la découverte de sa jeune maîtresse car elle leur permettrait de faire le tour du monde. Mais bientôt, un dilemme va se poser pour notre héros. Car ce voyage, seule Lola pourra le faire et ils seront séparés pour longtemps...</t>
  </si>
  <si>
    <t>FR66516-HDTX</t>
  </si>
  <si>
    <t>PHINÉAS ET FERB</t>
  </si>
  <si>
    <t>La Panne d’Electricité / Qu’est-ce que J’ai Raté?</t>
  </si>
  <si>
    <t>99</t>
  </si>
  <si>
    <t>Réalisateur: Dan Povenmire, Réalisateur: Jay Lender, Réalisateur: Robert F Hughes, Interprète: Bowling For SoupRéalisateur: Dan Povenmire, Interprète: Bowling For Soup</t>
  </si>
  <si>
    <t>Doofensmirtz provoque une panne d’électricité dans tout Danville avec son Grands-yeux-tristes-inator. / Ferb, qui a participé à un séminaire la veille, demande aux autres ce qui s’est passé en son absence. Doofenshmirtz raconte à Perry sa journée.</t>
  </si>
  <si>
    <t>2007</t>
  </si>
  <si>
    <t>FR54058-HDTX</t>
  </si>
  <si>
    <t>Souvenirs de Doofenschmirtz</t>
  </si>
  <si>
    <t>100</t>
  </si>
  <si>
    <t>Réalisateur: Dan Povenmire, Réalisateur: Jay Lender, Interprète: Bowling For SoupRéalisateur: Dan Povenmire, Interprète: Bowling For Soup</t>
  </si>
  <si>
    <t>Le Professeur Doofenschmirtz passe en revue les souvenirs douloureux de son passé pour devenir une créature encore plus maléfique.</t>
  </si>
  <si>
    <t>FR54024-HDTX</t>
  </si>
  <si>
    <t>Reflekta</t>
  </si>
  <si>
    <t>Juleka, n’a jamais réussi à être présente sur la photo de classe, victime depuis toujours d’une « malédiction ». Cette année, Marinette a décidé de l’aider à déjouer cette malchance. Mais c’était sans compter sur Chloé, qui se débrouille pour écarter Juleka de la séance photo. Marinette décide alors de faire disparaître le cliché qui a été pris pour obliger le photographe à le refaire et réconforter Juleka.</t>
  </si>
  <si>
    <t>PG19208-TX</t>
  </si>
  <si>
    <t>La Marionnettiste</t>
  </si>
  <si>
    <t>Marinette garde une nouvelle fois la petite Manon, pour qui elle a fabriqué des poupées à l’effigie de Ladybug, Chat Noir et quelques célèbres méchants. Mais suite à un malentendu, Manon est injustement accusée d’avoir volé une poupée à Marinette et se fait akumatiser. Devenue La Marionnettiste, elle donne vie aux poupées des méchants et compte bien s’emparer de celles de Ladybug et Chat Noir pour pouvoir les contrôler et donner leurs Miraculous au Papillon.</t>
  </si>
  <si>
    <t>PG19205-TX</t>
  </si>
  <si>
    <t>HÔTEL TRANSYLVANIE - LA SÉRIE</t>
  </si>
  <si>
    <t>Conte d'Abominoël</t>
  </si>
  <si>
    <t>Voulant savoir pourquoi Lydia déteste tant la fête d'Abominoël, Mavis découvre que la haine de sa tante pour cette célébration annuelle, provient d'un souhait de cadeau jamais satisfait. Mavis doit donc traverser l'outre-monde pour demander à l'effroyable Krampus de corriger une erreur qu'il a commise il y a des siècles…</t>
  </si>
  <si>
    <t>FR37033-HDTX</t>
  </si>
  <si>
    <t>Pas de cadeau cette année</t>
  </si>
  <si>
    <t>FR75301-HDTX</t>
  </si>
  <si>
    <t>Le Bulleur</t>
  </si>
  <si>
    <t>Réalisateur: Matthieu Choquet, Réalisateur: Thomas AstrucRéalisateur: Thomas Astruc</t>
  </si>
  <si>
    <t>Nino n’a pas réussi à convaincre le père d’Adrien d’organiser une fête pour son ami. Déçu, il est akumatisé par Le Papillon. Devenu Le Bulleur, et armé de son épée à bulles magiques, il se débarrasse des adultes, ces empêcheurs de s’amuser, en les emprisonnant dans des bulles qu’il envoie ensuite dans le ciel. Ladybug doit affronter seule le Bulleur car Chat Noir n'est pas là... Adrien s’étant laissé convaincre de profiter de la fête organisée par le Bulleur en l’absence de son père.</t>
  </si>
  <si>
    <t>PG19188-TX</t>
  </si>
  <si>
    <t>Marins à jamais</t>
  </si>
  <si>
    <t>Lorsqu'Elena et ses amis se perdent en mer, un navire vient à leur secours.</t>
  </si>
  <si>
    <t>FR30434-HDTX</t>
  </si>
  <si>
    <t>20:00:00</t>
  </si>
  <si>
    <t>PYJAMASQUES</t>
  </si>
  <si>
    <t>Yoyo et le dôme lunaire / Gluglu et la pierre surpuissante</t>
  </si>
  <si>
    <t>Réalisateur: Merle-Anne RidleyRéalisateur: Merle-Anne Ridley</t>
  </si>
  <si>
    <t>Sorceline abat un dôme géant sur le QG des Pyjamasques, emprisonnant ces derniers dans leur repaire. Les Pyjamasques doivent empêcher Ninjaka détruire la ville avec sa "pierre de toute-puissance".</t>
  </si>
  <si>
    <t>Computer-Animation</t>
  </si>
  <si>
    <t>FR30376-HDTX</t>
  </si>
  <si>
    <t>20:25:00</t>
  </si>
  <si>
    <t>Maxi Gluglu / Bibou prend de la hauteur</t>
  </si>
  <si>
    <t>Gluglu tente d'empêcher Sorceline de voler les chars du carnaval ! Ninjaka vole des avions au salon aéronautique.</t>
  </si>
  <si>
    <t>FR30377-HDTX</t>
  </si>
  <si>
    <t>CAMP KIKIWAKA</t>
  </si>
  <si>
    <t>Echange de cabane</t>
  </si>
  <si>
    <t>84</t>
  </si>
  <si>
    <t>Quand les filles découvrent que la salle de bain des garçons est immense, elles mettent en place un plan diabolique pour les convaincre d'échanger leurs cabanes.</t>
  </si>
  <si>
    <t>FR87792-HDTX</t>
  </si>
  <si>
    <t>Trois étoiles et un bébé</t>
  </si>
  <si>
    <t>85</t>
  </si>
  <si>
    <t>Quand Lou demande aux campeurs de remplir les évaluations des conseillers, Ava craint les notes de Destiny et Gwen, et elle a peur que son travail soit en danger.</t>
  </si>
  <si>
    <t>FR87793-HDTX</t>
  </si>
  <si>
    <t>Le Bowl-luge</t>
  </si>
  <si>
    <t>Quand Charlotte refuse de participer à la course de Bowl-luge annuelle pour passer du temps avec ses amies, Cami décide de saboter sa journée.</t>
  </si>
  <si>
    <t>FR58817-HDTX</t>
  </si>
  <si>
    <t>Message codé</t>
  </si>
  <si>
    <t>Cooper et Fred essaient de décoder le SMS de Peyton dans l'espoir de savoir si elle aime toujours Cooper. Cami est fâchée contre le principal Walker.</t>
  </si>
  <si>
    <t>FR58798-HDTX</t>
  </si>
  <si>
    <t>VIOLETTA</t>
  </si>
  <si>
    <t>Épisode 71</t>
  </si>
  <si>
    <t>71</t>
  </si>
  <si>
    <t>Réalisateur: Martin Saban, Réalisateur: Jorge Nisco, Réalisateur: Lucas Gil, Interprète: Jorge Blanco, Interprète: Diego Ramos, Interprète: Nicolas Garnier, Interprète: Clara Alonso, Interprète: Facundo Gambande, Interprète: Candelaria Molfese, Interprète: Pablo Espinosa, Interprète: Simone Lijoi, Interprète: Mercedes Lambre, Interprète: Lodovica Comello, Interprète: Florencia Benitez, Interprète: Alba Rico, Interprète: Martina Stoessel, Interprète: Damian Trabada, Interprète: Joaquin Mendez, Interprète: Milagros Ceballos, Interprète: Gonzalo Martinez, Interprète: Esther Ramos, Interprète: Iara MunozRéalisateur: Jorge Nisco, Réalisateur: Lucas Gil, Réalisateur: Martin Saban, Interprète: Pablo Espinosa, Interprète: Simone Lijoi, Interprète: Mercedes Lambre, Interprète: Lodovica Comello, Interprète: Clara Alonso, Interprète: Facundo Gambande, Interprète: Jorge Blanco, Interprète: Candelaria Molfese, Interprète: Diego Ramos, Interprète: Nicolas Garnier, Interprète: Florencia Benitez, Interprète: Alba Rico, Interprète: Martina Stoessel, Interprète: Joaquin Mendez, Interprète: Milagros Ceballos, Interprète: Iara Munoz, Interprète: Esther Ramos, Interprète: Damian Trabada, Interprète: Gonzalo Martinez</t>
  </si>
  <si>
    <t>Antonio et Marotti découvrent que Gregorio a modifié les résultats du concours en faveur de Violetta. Antonio relève Gregorio de ses fonctions de directeur et demande à Pablo de reprendre son poste.</t>
  </si>
  <si>
    <t>Espagne</t>
  </si>
  <si>
    <t>2012</t>
  </si>
  <si>
    <t>41min</t>
  </si>
  <si>
    <t>FJ67407-TX</t>
  </si>
  <si>
    <t>08/12/2020</t>
  </si>
  <si>
    <t>mardi</t>
  </si>
  <si>
    <t>Histoires de Grand-mère / La ferme des animaux</t>
  </si>
  <si>
    <t>Après avoir trouvé une boîte pleine de souvenirs, Grand-mère raconte ses aventures aux enfants. Les Green sont au marché. Les animaux détrônent leur reine, Phoenix, et entrent dans la maison.</t>
  </si>
  <si>
    <t>FR70943-HDTX</t>
  </si>
  <si>
    <t>ADDITION SALÉE / LE MEILLEUR CADEAU</t>
  </si>
  <si>
    <t>Cricket invite sa famille à dîner mais Bill se demande comment son fils va payer l'addition. Tilly et Cricket se battent pour savoir si Bill prétend avoir aimé ses cadeaux de Fête des Pères.</t>
  </si>
  <si>
    <t>FR70944-HDTX</t>
  </si>
  <si>
    <t>Caméléon</t>
  </si>
  <si>
    <t>Quand Lila revient au collège, elle parvient à manipuler les élèves comme les professeurs pour que tout le monde se plie à la moindre de ses exigences. Tout le monde… sauf Marinette et Adrien, qui ne sont pas dupes. Lorsqu’ils la confrontent à ses propres mensonges, Lila, vexée, demande au Papillon de l’akumatiser. Devenue Caméléon, elle peut prendre l’apparence de n’importe qui… et compte bien profiter de ce pouvoir pour détruire Ladybug, qui a été la première à la démasquer et qu’elle juge responsable de tous ses problèmes.</t>
  </si>
  <si>
    <t>FR84346-HDTX</t>
  </si>
  <si>
    <t>Animaestro</t>
  </si>
  <si>
    <t>Les parents de Marinette assurent le buffet pour l’avant-première du film Ladybug et Chat Noir, à laquelle le Tout-Paris est invité… y compris Adrien ! Marinette décide de s’y rendre en prétextant aider ses parents, bien décidée à profiter de l’événement pour offrir un macaron spécial à Adrien et lui montrer combien il compte pour elle. Mais sur place, personne ne reconnaît le réalisateur du film, qui se fait traiter comme un parfait inconnu et finit par perdre patience.</t>
  </si>
  <si>
    <t>FR76941-HDTX</t>
  </si>
  <si>
    <t>Les nouveaux jagons</t>
  </si>
  <si>
    <t>Convaincue qu'elle doit partir à la recherche de Shuriki, Elena se transforme en jagon mais elle est accusée d'un crime qu'elle n'a pas commis.</t>
  </si>
  <si>
    <t>FR54802-HDTX</t>
  </si>
  <si>
    <t>Le Sceptre de la nuit</t>
  </si>
  <si>
    <t>Elena et ses amis font la course avec Shuriki et ses acolytes pour retrouver le premier morceau du fameux Sceptre de la nuit.</t>
  </si>
  <si>
    <t>FR54803-HDTX</t>
  </si>
  <si>
    <t>La course pour le royaume</t>
  </si>
  <si>
    <t>Elena et Naomi se rendent à Vallestrella pour trouver les autres parties du Sceptre de la Nuit avant qu'elles ne tombent entre les mains de Shuriki.</t>
  </si>
  <si>
    <t>FR54804-HDTX</t>
  </si>
  <si>
    <t>Une vie de rêve / Le cœur léger</t>
  </si>
  <si>
    <t>Réalisateur: Bronagh O'Hanlon, Réalisateur: Olivier LelardouxRéalisateur: Olivier Lelardoux, Réalisateur: Bronagh O'Hanlon</t>
  </si>
  <si>
    <t>Sadie et Gilbert reçoivent une boîte envoyée par les Anciens du royaume magique, avec l'instruction de ne l'ouvrir sous aucun prétexte. Mais Sadie ne peut pas résister à la tentation de savoir ce qu'elle contient. Toutefois, quand elle finit par l'ouvrir, la boîte semble vide. En réalité, celle-ci contenait une minuscule puce magique. / Lulu est triste, car elle a reçu une mauvaise note. Sadie lui lance un sort de bonne humeur pour l'aider à surmonter sa déception. Mais le sort tourne mal et les émotions de Lulu semblent maintenant affecter la gravité au sein du collège.</t>
  </si>
  <si>
    <t>FR61476-HDTX</t>
  </si>
  <si>
    <t>Gilbert crève l'écran / Le lutin-panzé</t>
  </si>
  <si>
    <t>Selina et Gilbert sont tous les deux fans du feuilleton télévisé « Les meilleurs ennemis ». Gilbert pousse alors Sadie à lancer un sortilège pour faire sortir l'acteur de la télévision afin que Selina puisse l'interroger. / Le chef de Selina demande à celle-ci de travailler son image à la télévision, elle doit avoir l'air plus souriante. Sadie essaie alors d'aider sa mère en lui lançant un sort. Malheureusement, il y avait une faute de frappe dans le grimoire de Gilbert et en récitant la formule, Sadie crée accidentellement un nouveau sortilège.</t>
  </si>
  <si>
    <t>FR61478-HDTX</t>
  </si>
  <si>
    <t>Attrape-moi si tu peux</t>
  </si>
  <si>
    <t>Pour effectuer sa régénération annuelle, Tante Lydia doit s’enfermer une heure dans un cercueil revitalisant. Manquant de personnel, elle commet l’erreur de confier la garde du cercueil à sa nièce qui lui promet d’être vigilante. Bien sûr, Mavis manque à sa parole et le cercueil disparaît inexplicablement. Avec ses amis, elle part sur la piste du cercueil qui finit par la mener chez les Cartwright, une famille d’humains. Mavis devra déployer efforts et ingéniosité pour rapporter le cercueil à l’hôtel Transylvanie avant que Tante Lydia ne se réveille</t>
  </si>
  <si>
    <t>FR37021-HDTX</t>
  </si>
  <si>
    <t>Le fantôme de l'écrivain</t>
  </si>
  <si>
    <t>La chambre 1313 n’est jamais occupée. Enfin, presque… Nos amis décident donc de s’en servir pour y organiser une de leurs fêtes endiablées. Mais voilà que le client à qui est exclusivement réservée cette chambre, le célèbre romancier Cornélius Frisson descend au Transylvanie pour y rédiger son prochain livre en espérant trouver sa chambre intacte, car c’est grâce à elle qu’il arrive à « écrire ». Mavis et ses complices devront faire vite…</t>
  </si>
  <si>
    <t>FR36980-HDTX</t>
  </si>
  <si>
    <t>Hank en un seul morceau</t>
  </si>
  <si>
    <t>Hank en assez de voir tout le monde se servir de ses membres pour leurs besoins personnels : maintenir une porte ouverte, atteindre une étagère, se gratter les fesses, etc. Mavis décide donc de l’aider pour que son corps ne soit plus aussi facilement démontable, mais voilà que dans le processus, Hank est frappé par la foudre. Stupeur ! Le voilà transformé en jeune humain ! Hank trouve ça formidable, mais il s’aperçoit vite qu’être un humain ne lui convient pas du tout et veut retrouver sa condition de monstre recousu. Il devra faire vite, car bientôt sa transformation sera irréversible.</t>
  </si>
  <si>
    <t>FR36981-HDTX</t>
  </si>
  <si>
    <t>Guitar Vilain</t>
  </si>
  <si>
    <t>Marinette se voit confier la réalisation de la pochette du dernier album de son idole, la rockstar Jagged Stone ! Bridée par le manager autoritaire de la star, Marinette n’ose pas suivre son intuition et Jagged Stone refuse sa création. Elle décide de recommencer, cette fois-ci à sa façon.Mais entre-temps, Jagged Stone, lassé et humilié par les provocations d’un jeune chanteur orgueilleux nommé Mr XY, se fait akumatiser par Le Papillon.</t>
  </si>
  <si>
    <t>PG19207-TX</t>
  </si>
  <si>
    <t>Kung Food</t>
  </si>
  <si>
    <t>Marinette fait la connaissance de Cheng Sifu, son grand-oncle cuisinier, venu de Chine. Marinette ne parlant pas un mot de chinois, Alya lui suggère de faire appel à Adrien pour l’aider en tant qu’interprète. Ensemble, ils accompagnent Cheng Sifu à un concours de cuisine au Grand Paris, le palace du père de Chloé.Mais après une dispute avec Marinette, Chloé sabote le plat de Cheng Sifu. Ce dernier, humilié, est akumatisé en Kung Food.</t>
  </si>
  <si>
    <t>PG19200-TX</t>
  </si>
  <si>
    <t>La Promenade Infernale</t>
  </si>
  <si>
    <t>Les Livingstone ont décidé d'offrir à Wash et Sam des dogsitters pour les sortir en leur absence. Wash et Sam, d'abord très excités par cette perspective, déchantent lorsqu'ils découvrent que ce sont Gracie et Alphie : les enfants, très motivés, ont prévu de les promener toute la journée ! Rapidement, c'est l'enfer, et Wash et Sam décident de mettre fin à cette promenade : ils faussent compagnie aux enfants et partent se cacher dans la forêt. Mais quand Wash et Sam rentrent gaiement chez les Livingstone, c'est la panique : les enfants ne sont pas rentrés.</t>
  </si>
  <si>
    <t>PG12919-TX</t>
  </si>
  <si>
    <t>Bienvenue dans la Jungle</t>
  </si>
  <si>
    <t>La petite bande est la risée des animaux du voisinage, et pour cause : leurs costumes s'abîment et leur pelage devient tout mité. Wash, grand expert en nouvelles technologies, décide de commander de nouveaux costumes sur internet. Suite à un problème de commande, la petite troupe se retrouve avec des costumes d'animaux exotiques. Et Vic, chargée de s'occuper de leurs vieux costumes, les a mis dans la benne à ordure ! Wash et Sam endossent leurs nouveaux costumes pour cacher leur véritable identité, et partent récupérer leurs anciens.</t>
  </si>
  <si>
    <t>PG12920-TX</t>
  </si>
  <si>
    <t>Le Carnaval des Animaux</t>
  </si>
  <si>
    <t>Il fait une chaleur terrible sur le quartier. Les Sauvages étouffent dans leurs costumes et se plaignent de devoir supporter ça pour rester sous couverture. Fort heureusement, c’est jour de kermesse déguisée dans le quartier et les Livingstone partent pour la journée. Les Sauvages sautent sur l’occasion et enlèvent leurs costumes pour profiter d’une journée à « l’air libre ».</t>
  </si>
  <si>
    <t>PG12921-TX</t>
  </si>
  <si>
    <t>Dame Renard</t>
  </si>
  <si>
    <t>Après un étrange enchaînement d’évènements, Washington se retrouve dans le jardin sans son costume, c’est là qu’il rencontre Meadow, une adorable renarde dont il tombe amoureux. Elle est dans le quartier pour faire des trucs marrants, comme renverser les poubelles. Il n’y a qu’un seul problème : Meadow n’a aucun respect pour ces « animaux domestiques paresseux », ce qui pousse un Washington fou d’amour à mentir sur son numéro de chien.</t>
  </si>
  <si>
    <t>PG12922-TX</t>
  </si>
  <si>
    <t>Lady Wifi</t>
  </si>
  <si>
    <t>Alors que Marinette, débordée par sa double vie, manque une nouvelle fois les cours au collège, sa meilleure amie Alya pense avoir découvert que Chloé est celle qui se cache sous le masque de Ladybug. Ne supportant pas qu’Alya fouine dans ses affaires, Chloé se débrouille pour la faire renvoyer du collège.Révoltée par cette injustice, Alya se fait akumatiser par Le Papillon. Devenue Lady Wifi et armée de son téléphone portable, elle compte bien se venger de Chloé en la dénonçant pour faire triompher la vérité.</t>
  </si>
  <si>
    <t>PG19193-TX</t>
  </si>
  <si>
    <t>Amitiés contrariées/ L'Objet de la honte/ Vaudou</t>
  </si>
  <si>
    <t>La lettre d'amitié de Lucie pour Lola s'envole au vent. Paf va tout faire pour la récupérer et éviter que les Guanos mettent la main dessus./ Lola et Victor ont le même sac à dos et par inadvertance ils ont échangé leur sac. Lola veut récupérer le sien qui contient son journal intime tandis que les Guanos se verraient bien avec un joli sac à dos. Paf va intervenir!/ Les Guanos découvrent une poupée ressemblant à Paf et vont en faire une poupée vaudou ! Ils vont faire en sorte qu’il capture Capuche pour eux pendant que Lola essaiera de trouver un remède pour son Paf qui agit bizarrement</t>
  </si>
  <si>
    <t>FR83004-HDTX</t>
  </si>
  <si>
    <t>Projet camping sauvage</t>
  </si>
  <si>
    <t>Lola et Lucie passent la nuit dans la tente. C’est clair, elles vont bien s’amuser. Paf, après avoir aidé à monter la tente, est de garde afin que la nuit des enfants soit paisible. Mais bientôt, des ombres menaçantes apparaissent. Ce qui devait être une nuit douce et tranquille va se révéler pleine d’angoisses car les Guanos ont décidé de mettre leur grain de sel. Sans qu’elles s’en aperçoivent, les filles vont quelque peu voyager...</t>
  </si>
  <si>
    <t>FR66517-HDTX</t>
  </si>
  <si>
    <t>Dans la peau d’une mouche / Retour vers les années 50</t>
  </si>
  <si>
    <t>101</t>
  </si>
  <si>
    <t>Réalisateur: Robert F Hughes, Réalisateur: Dan Povenmire, Réalisateur: Sue Perrotto, Interprète: Bowling For SoupRéalisateur: Dan Povenmire, Interprète: Bowling For Soup</t>
  </si>
  <si>
    <t>Candice se retrouve accidentellement changée en mouche. / Phinéas et Ferb restaurent la vieille voiture que leur papa comptait offrir à Candice.</t>
  </si>
  <si>
    <t>FR54061-HDTX</t>
  </si>
  <si>
    <t>Candice délègue / Recyclage d’inventions</t>
  </si>
  <si>
    <t>103</t>
  </si>
  <si>
    <t>Réalisateur: Dan Povenmire, Réalisateur: Sue Perrotto, Interprète: Bowling For SoupRéalisateur: Dan Povenmire, Interprète: Bowling For Soup</t>
  </si>
  <si>
    <t>Candice défie Buford de piéger ses frères en empêchant leur dernière invention de disparaître à la dernière seconde. / Phinéas, Ferb et leurs amis décident de recycler les matériaux de leurs inventions passées en une nouvelle invention.</t>
  </si>
  <si>
    <t>FR54063-HDTX</t>
  </si>
  <si>
    <t>Antibug</t>
  </si>
  <si>
    <t>Chloé, très grande admiratrice de Ladybug, essaie d’aider cette dernière à capturer l’akuma d’un méchant. Mais Ladybug refuse d’écouter ses conseils et le méchant s’échappe. Ladybug et Chat Noir finissent par l’arrêter, mais une dispute éclate entre Ladybug et Chloé, furieuse d’avoir été snobée par son idole.Déçue, Chloé est alors akumatisée en Antibug, un double maléfique de Ladybug ayant les mêmes pouvoirs qu’elle. Et Antibug compte bien faire payer Ladybug pour l’humiliation qu’elle lui a fait subir.</t>
  </si>
  <si>
    <t>PG19210-TX</t>
  </si>
  <si>
    <t>Noël en famille / La neige en été</t>
  </si>
  <si>
    <t>82</t>
  </si>
  <si>
    <t>Réalisateur: Robert F Hughes, Réalisateur: Dan Povenmire, Interprète: Bowling For SoupRéalisateur: Dan Povenmire, Interprète: Bowling For Soup</t>
  </si>
  <si>
    <t>Phinéas et Ferb présentent leur émission de Noël avec leur famille, leurs amis et Kelly Clarkson en invité d’honneur. Mais Perry a encore disparu ! / Phinéas et Ferb créent l’éthiver, un mélange d’été et d’hiver.</t>
  </si>
  <si>
    <t>FR54041-HDTX</t>
  </si>
  <si>
    <t>Les givrés du hockey / Bonne et heureuse année</t>
  </si>
  <si>
    <t>102</t>
  </si>
  <si>
    <t>Réalisateur: Sue Perrotto, Réalisateur: Robert F Hughes, Réalisateur: Dan Povenmire, Interprète: Bowling For SoupRéalisateur: Dan Povenmire, Interprète: Bowling For Soup</t>
  </si>
  <si>
    <t>Phinéas et Ferb doivent assurer l’animation pendant un match de hockey sur glace et font un grand spectacle de glisse avec leurs amis. Candice essaie de faire croire à Jeremy qu’elle est une spécialiste du hockey.</t>
  </si>
  <si>
    <t>FR54062-HDTX</t>
  </si>
  <si>
    <t>Les Chonopos</t>
  </si>
  <si>
    <t>Un sort mystérieux transforme Elena et ses amis en sculptures maruviennes vivantes. C'est alors à Isabel de les libérer !</t>
  </si>
  <si>
    <t>FR30435-HDTX</t>
  </si>
  <si>
    <t>Pas si vite, Yoyo ! / Gluglu décroche la lune</t>
  </si>
  <si>
    <t>Les Pyjamasques affrontent Ninjaka et Sorceline pour récupérer l'incroyable coupe des super champions qui a été volée ! Sorceline vole le caillou fétiche de Gluglu et l'utilise sur son Aimant-Lune.</t>
  </si>
  <si>
    <t>FR30378-HDTX</t>
  </si>
  <si>
    <t>Yoyo et les Scinti-Lunes/Bibou et le Ninja-football</t>
  </si>
  <si>
    <t>Réalisateur: Christian De VitaRéalisateur: Christian De Vita</t>
  </si>
  <si>
    <t>Yoyo renvoie trop rapidement ses attaques à Sorceline. Bibou apprend que pour qu'ils forment une équipe, elle doit apprendre à Yoyo et à Gluglu à vaincre Ninjaka.</t>
  </si>
  <si>
    <t>FR43069-HDTX</t>
  </si>
  <si>
    <t>Blogger ou ne pas blogger</t>
  </si>
  <si>
    <t>86</t>
  </si>
  <si>
    <t>Quand Sean, une amie blogueuse de Lou vient au camp, Lou espère que ça fera de la publicité, mais elle se rend vite compte que ce sera plus difficile qu'elle ne le croyait.</t>
  </si>
  <si>
    <t>FR87794-HDTX</t>
  </si>
  <si>
    <t>Changement de direction</t>
  </si>
  <si>
    <t>87</t>
  </si>
  <si>
    <t>La Conférence des directeurs de camps encourage Lou et Barb à participer à un programme d'échange de directeurs de camp.</t>
  </si>
  <si>
    <t>FR87795-HDTX</t>
  </si>
  <si>
    <t>Escape Game</t>
  </si>
  <si>
    <t>Cooper utilise un escape game pour forcer Cami et Fred à régler leurs problèmes.</t>
  </si>
  <si>
    <t>FR58816-HDTX</t>
  </si>
  <si>
    <t>La patinoire</t>
  </si>
  <si>
    <t>Cooper et Cami apprennent que leur patinoire préférée va être vendue et démolie. Jenna demande l'aide de Charlotte et Oliver pour vendre une maison.</t>
  </si>
  <si>
    <t>FR58815-HDTX</t>
  </si>
  <si>
    <t>Épisode 72</t>
  </si>
  <si>
    <t>72</t>
  </si>
  <si>
    <t>Réalisateur: Lucas Gil, Réalisateur: Martin Saban, Réalisateur: Jorge Nisco, Interprète: Simone Lijoi, Interprète: Lodovica Comello, Interprète: Clara Alonso, Interprète: Facundo Gambande, Interprète: Jorge Blanco, Interprète: Candelaria Molfese, Interprète: Diego Ramos, Interprète: Nicolas Garnier, Interprète: Mercedes Lambre, Interprète: Florencia Benitez, Interprète: Alba Rico, Interprète: Martina Stoessel, Interprète: Pablo Espinosa, Interprète: Esther Ramos, Interprète: Damian Trabada, Interprète: Gonzalo Martinez, Interprète: Joaquin Mendez, Interprète: Milagros Ceballos, Interprète: Iara MunozRéalisateur: Jorge Nisco, Réalisateur: Lucas Gil, Réalisateur: Martin Saban, Interprète: Pablo Espinosa, Interprète: Simone Lijoi, Interprète: Mercedes Lambre, Interprète: Lodovica Comello, Interprète: Clara Alonso, Interprète: Facundo Gambande, Interprète: Jorge Blanco, Interprète: Candelaria Molfese, Interprète: Diego Ramos, Interprète: Nicolas Garnier, Interprète: Florencia Benitez, Interprète: Alba Rico, Interprète: Martina Stoessel, Interprète: Joaquin Mendez, Interprète: Milagros Ceballos, Interprète: Iara Munoz, Interprète: Esther Ramos, Interprète: Damian Trabada, Interprète: Gonzalo Martinez</t>
  </si>
  <si>
    <t>German ne croit pas Violetta quand celle-ci lui révèle qu'elle étudie le chant et la danse. Les garçons en veulent à Camila d'avoir mis leur chanson sur Internet, jusqu'à ce qu'ils se rendent compte que de nombreuses personnes l'écoutent.</t>
  </si>
  <si>
    <t>42min</t>
  </si>
  <si>
    <t>FJ67408-TX</t>
  </si>
  <si>
    <t>09/12/2020</t>
  </si>
  <si>
    <t>mercredi</t>
  </si>
  <si>
    <t>06:50:00</t>
  </si>
  <si>
    <t>07:20:00</t>
  </si>
  <si>
    <t>Le collectionneur</t>
  </si>
  <si>
    <t>Marinette rencontre Maître Fu. Ce dernier pense que le propriétaire du grimoire est peut-être également le Papillon. Elle finit par découvrir que le véritable propriétaire du grimoire est en réalité Gabriel Agreste, le père d’Adrien. Elle décide alors de se transformer en Ladybug pour mener l’enquête et découvrir si Gabriel est bien le Papillon. Mais lorsqu’elle arrive chez lui, le styliste s’est fait akumatiser.</t>
  </si>
  <si>
    <t>FR32401-HDTX</t>
  </si>
  <si>
    <t>Cricket, star de la pub / Problème de voiture</t>
  </si>
  <si>
    <t>Cricket doit tenir un rôle important dans la nouvelle publicité de Big Café mais il perd confiance en lui. Bill échange sa vieille voiture contre un modèle high-tech qui n'est pas à la hauteur de ses espérances.</t>
  </si>
  <si>
    <t>FR70934-HDTX</t>
  </si>
  <si>
    <t>Légende urbaine / La fontaine à vœux</t>
  </si>
  <si>
    <t>Grand-mère fait croire aux voisins qu'elle est une sorcière et Bill organise un barbecue. Cricket escroque Tilly avec une fontaine à vœux et a un cas de conscience, il doit faire un choix.</t>
  </si>
  <si>
    <t>FR70935-HDTX</t>
  </si>
  <si>
    <t>Joyeux Noël</t>
  </si>
  <si>
    <t>La veille de Noël, Tilly aide Cricket à racheter toutes ses mauvaises actions de l'année pour avoir une chance de recevoir un cadeau. Pendant ce temps, Grand-Mère et Nancy tentent de trouver un cadeau pour Bill.</t>
  </si>
  <si>
    <t>FR70936-HDTX</t>
  </si>
  <si>
    <t>09:10:00</t>
  </si>
  <si>
    <t>Ascenseur en panne / Mauvaise influence</t>
  </si>
  <si>
    <t>Gloria est coincée dans un ascenseur avec la famille Green. Remy se fait avoir par un influenceur qui fait le buzz sur les réseaux sociaux et Tilly poste des vidéos avec Bill.</t>
  </si>
  <si>
    <t>FR70937-HDTX</t>
  </si>
  <si>
    <t>09:50:00</t>
  </si>
  <si>
    <t>MIRACULOUS WORLD: NEW YORK, LES HÉROS UNIS</t>
  </si>
  <si>
    <t>Réalisateur: Thomas Astruc</t>
  </si>
  <si>
    <t>La classe de Marinette doit se rendre à New York, la ville des super héros, pour célébrer la semaine de l'amitié franco-américaine. Toute la classe… sauf Adrien, car son père refuse de le laisser partir. Ladybug demande à Chat Noir de veiller sur Paris sans lui dire pourquoi elle doit s'absenter. Ce dernier prend la mission très au sérieux… mais lorsque Marinette, en tant que déléguée de classe, convainc Gabriel de laisser partir son fils avec ses camarades, Adrien a un problème. Il ne peut pas veiller en même temps sur Paris et être avec sa classe à New York. Comment va-t-il faire ?</t>
  </si>
  <si>
    <t>Télefilm</t>
  </si>
  <si>
    <t>2020</t>
  </si>
  <si>
    <t>FR87926-HDTX</t>
  </si>
  <si>
    <t>Poupéflekta</t>
  </si>
  <si>
    <t>Alors que Marinette organise un défilé de mode avec ses amis, elle se retrouve à jouer les modèles avec Adrien ! Pour mieux mettre en valeur les créations de Marinette, ils enlèvent leurs Miraculous et les laissent à l’arrière d’une voiture faisant office de loge. Déçue de n’avoir pas su exprimer son désir de faire le mannequin pour le défilé, Juleka redevient Réflekta. Et quand Marinette et Adrien voient la super-vilaine arriver avec son sentimonstre, ils découvrent qu’il ne s’agit pas d’une akumatisée comme les autres et comprennent que Papillon a reçu l’aide d’un allié spécial.</t>
  </si>
  <si>
    <t>FR84348-HDTX</t>
  </si>
  <si>
    <t>La douleur d'une sorcière</t>
  </si>
  <si>
    <t>En sortie scolaire pour visiter le château du mystérieux Empereur Belos, Luz s'écarte du groupe et met sa vie en danger.</t>
  </si>
  <si>
    <t>FR80363-HDTX</t>
  </si>
  <si>
    <t>11:45:00</t>
  </si>
  <si>
    <t>Portail magique</t>
  </si>
  <si>
    <t>Luz, une adolescente humaine pleine d’assurance, tombe accidentellement sur un portail permettant d’accéder à nouveau monde magique où elle se liera d’amitié avec une sorcière rebelle, Eda, et un guerrier adorable, King. Bien qu’elle n'ait aucun pouvoir magique, Luz poursuit son rêve de devenir une sorcière en servant d'apprentie à Eda au Manoir de la Chouette et trouve finalement une nouvelle famille dans un environnement improbable.</t>
  </si>
  <si>
    <t>FR80354-HDTX</t>
  </si>
  <si>
    <t>Doudou Vilain</t>
  </si>
  <si>
    <t>Chloé décide d’organiser une fête chez elle, au Palace, et d’inviter tous les collégiens. Coachée par son majordome, Chloé fait des efforts et parvient à être aimable. Mais un événement la fait sortir de ses gonds et elle finit par renvoyer son majordome devant tous ses invités. Humilié, le majordome est akumatisé par le Papillon. Devenu Doudou Vilain, il peut désormais manipuler tous ceux qu’il touche. Et il compte bien se servir de son pouvoir pour se venger de Chloé. Ladybug et Chat Noir devront intervenir rapidement s’ils ne veulent pas perdre le contrôle de la situation !</t>
  </si>
  <si>
    <t>FR32404-HDTX</t>
  </si>
  <si>
    <t>13:10:00</t>
  </si>
  <si>
    <t>13:45:00</t>
  </si>
  <si>
    <t>Agent Flagada</t>
  </si>
  <si>
    <t>Un jeu vidéo d'espionnage devient dangereusement réel alors que Launchpad et Fifi doivent arrêter le plan de l'agent Steelbeak du F.O.W.L. pour détruire Donaldville.</t>
  </si>
  <si>
    <t>FR83521-HDTX</t>
  </si>
  <si>
    <t>14:10:00</t>
  </si>
  <si>
    <t>La harpe perdue de Mervana</t>
  </si>
  <si>
    <t>Picsou et sa famille infiltrent une société de sirènes zen pour trouver l'un des Mystères Manquants, mais Loulou est convaincu que les sirènes, d'apparence inoffensive, préparent un mauvais coup.</t>
  </si>
  <si>
    <t>FR83522-HDTX</t>
  </si>
  <si>
    <t>14:35:00</t>
  </si>
  <si>
    <t>Réalisateur: Francisco Angones, Réalisateur: Matt YoungbergRéalisateur: Matt Youngberg, Réalisateur: Francisco Angones</t>
  </si>
  <si>
    <t>Boulangerix</t>
  </si>
  <si>
    <t>Aujourd’hui, c’est l’anniversaire de Tom, le papa de Marinette. Sabine invite le père de Tom, Roland, à venir fêter l’événement avec eux, mais Roland refuse : cela fait 20 ans qu’il n’est pas sorti de chez lui, et il ne veut pas que cela change. Pour faire plaisir à son père, Marinette décide d’aller rencontrer son grand-père pour le persuader de se joindre à eux. Mais une fois sur place, Marinette n’ose pas se présenter, intimidée par le vieil homme bougon et têtu, et finit par lui mentir sur son identité.</t>
  </si>
  <si>
    <t>FR84347-HDTX</t>
  </si>
  <si>
    <t>Silence</t>
  </si>
  <si>
    <t>Bob Roth, père et producteur du célèbre XY, lance un appel d’offre visant à trouver de nouveaux talents. Marinette y voit une occasion en or pour les Kitty Section de se faire connaître du grand public. Elle les aide donc à réaliser et envoyer un clip pour lequel elle crée elle-même les décors et les costumes. Mais bientôt, Marinette et ses amis s’aperçoivent que Bob Roth a volé les créations de Marinette pour son fils XY. Furieux pour celle dont il est amoureux, Luka est akumatisé par le Papillon.</t>
  </si>
  <si>
    <t>FR76942-HDTX</t>
  </si>
  <si>
    <t>Oni-Chan</t>
  </si>
  <si>
    <t>60</t>
  </si>
  <si>
    <t>Quand Lila manipule Adrien, son garde du corps et même Nathalie pour entrer chez les Agreste et passer un peu de temps avec Adrien, elle prend une photo d’eux deux pour immortaliser le moment. Marinette, qui les a suivis et espionnés depuis l’extérieur, est verte de jalousie. Mais ce n’est pas la seule…</t>
  </si>
  <si>
    <t>FR84349-HDTX</t>
  </si>
  <si>
    <t>Une petite sœur inventive</t>
  </si>
  <si>
    <t>Isabel embarque clandestinement pour une mission dangereuse avec Elena et ses amis. Elle veut leur prouver qu'elle peut faire partie de l'équipe.</t>
  </si>
  <si>
    <t>FR71250-HDTX</t>
  </si>
  <si>
    <t>Au secours d'un oiseau soleil</t>
  </si>
  <si>
    <t>Elena tente de sauver l'oiseau soleil qui a réparé son sceptre.</t>
  </si>
  <si>
    <t>FR71251-HDTX</t>
  </si>
  <si>
    <t>Gluglu et le Lionelosaure/Yoyo et le voleur de doudous</t>
  </si>
  <si>
    <t>28</t>
  </si>
  <si>
    <t>L'animal de Gluglu, Lionel, se transforme en un grand monstre qui sème la terreur dans la ville. Yoyo avoue à Bibou et à Gluglu qu'il a un doudou.</t>
  </si>
  <si>
    <t>FR43070-HDTX</t>
  </si>
  <si>
    <t>Gluglu et le rayon babyficateur/Bibou et l'éclipse lunaire</t>
  </si>
  <si>
    <t>Gluglu doit garder ses deux équipiers, un chat et un poussin, et sauver le monde. Bibou doit mettre de côté sa jalousie pour reprendre à Romeo son tableau et son aimant.</t>
  </si>
  <si>
    <t>FR43071-HDTX</t>
  </si>
  <si>
    <t>Un nouveau Grizzly</t>
  </si>
  <si>
    <t>Réalisateur: Bob Koherr, Interprète: Kevin Quinn, Interprète: Peyton List, Interprète: Lily Mae Silverstein, Interprète: Lincoln Melcher, Interprète: Tessa Netting, Interprète: Miranda May, Interprète: Skai Jackson, Interprète: Nina Lu, Interprète: Nathan Arenas, Interprète: Karan BrarInterprète: Skai Jackson, Interprète: Nathan Arenas, Interprète: Karan Brar, Interprète: Peyton List, Interprète: Kevin Quinn, Interprète: Miranda May, Interprète: Nina Lu</t>
  </si>
  <si>
    <t>Les enfants Ross reviennent passer l'été au camp Kikiwaka et sont surpris par certains changements- Ravi a un nouveau compagnon de chambrée, et les Marmottes une nouvelle monitrice</t>
  </si>
  <si>
    <t>FR29053-HDTX</t>
  </si>
  <si>
    <t>Jalousie</t>
  </si>
  <si>
    <t>Réalisateur: Bob Koherr, Interprète: Nathan Arenas, Interprète: Karan Brar, Interprète: Peyton List, Interprète: Kevin Quinn, Interprète: Lincoln Melcher, Interprète: Miranda May, Interprète: Skai Jackson, Interprète: Nina LuInterprète: Skai Jackson, Interprète: Nathan Arenas, Interprète: Karan Brar, Interprète: Peyton List, Interprète: Kevin Quinn, Interprète: Miranda May, Interprète: Nina Lu</t>
  </si>
  <si>
    <t>Le camp Kikiwaka prépare son bal annuel. Tiffany et Zuri espèrent danser avec un beau garçon. Emma apprend que Lou et Xander ont été amoureux.</t>
  </si>
  <si>
    <t>FR29054-HDTX</t>
  </si>
  <si>
    <t>Le déménagement</t>
  </si>
  <si>
    <t>Cooper est contrarié parce que Peyton doit déménager au Canada et qu'elle ne semble pas triste de partir.</t>
  </si>
  <si>
    <t>FR58800-HDTX</t>
  </si>
  <si>
    <t>La mauvaise note</t>
  </si>
  <si>
    <t>Jenna promet aux enfants de les emmener en voyage s'ils ont tous de bonnes notes, mais quand Charlotte a étonnamment une mauvaise note, les vacances sont remises en question.</t>
  </si>
  <si>
    <t>FR58801-HDTX</t>
  </si>
  <si>
    <t>Épisode 73</t>
  </si>
  <si>
    <t>73</t>
  </si>
  <si>
    <t>Réalisateur: Lucas Gil, Réalisateur: Martin Saban, Réalisateur: Jorge Nisco, Interprète: Jorge Blanco, Interprète: Candelaria Molfese, Interprète: Diego Ramos, Interprète: Nicolas Garnier, Interprète: Florencia Benitez, Interprète: Martina Stoessel, Interprète: Pablo Espinosa, Interprète: Simone Lijoi, Interprète: Mercedes Lambre, Interprète: Lodovica Comello, Interprète: Alba Rico, Interprète: Clara Alonso, Interprète: Facundo Gambande, Interprète: Joaquin Mendez, Interprète: Damian Trabada, Interprète: Gonzalo Martinez, Interprète: Esther Ramos, Interprète: Milagros Ceballos, Interprète: Iara MunozRéalisateur: Jorge Nisco, Réalisateur: Martin Saban, Réalisateur: Lucas Gil, Interprète: Martina Stoessel, Interprète: Clara Alonso, Interprète: Facundo Gambande, Interprète: Pablo Espinosa, Interprète: Simone Lijoi, Interprète: Mercedes Lambre, Interprète: Lodovica Comello, Interprète: Florencia Benitez, Interprète: Alba Rico, Interprète: Jorge Blanco, Interprète: Candelaria Molfese, Interprète: Diego Ramos, Interprète: Nicolas Garnier, Interprète: Joaquin Mendez, Interprète: Damian Trabada, Interprète: Gonzalo Martinez, Interprète: Esther Ramos, Interprète: Milagros Ceballos, Interprète: Iara Munoz</t>
  </si>
  <si>
    <t>Les garçons continuent de se disputer à propos de l'interférence de Camila dans leur groupe. Violetta convainc Angélica de ne pas révéler la vérité avant sa participation au show de fin d'année du Studio. Violetta et Léon font le même rêve.</t>
  </si>
  <si>
    <t>FJ67409-TX</t>
  </si>
  <si>
    <t>10/12/2020</t>
  </si>
  <si>
    <t>jeudi</t>
  </si>
  <si>
    <t>Avenir incertain / Grand-mère au volant</t>
  </si>
  <si>
    <t>Le plan de vie de Remy est remis en question car il n'a pas préparé son récital de violon correctement. Grand-mère devient chauffeur et complice de braqueurs qu'elle conduit à travers toute la ville.</t>
  </si>
  <si>
    <t>FR70945-HDTX</t>
  </si>
  <si>
    <t>LE STYLE TILLY / LE ROBOT FERMIER</t>
  </si>
  <si>
    <t>Tilly se rend au centre commercial à la recherche d'un nouveau look plus mature. Cricket persuade Bill d'acheter un robot fermier pour qu'il n'ait plus à travailler.</t>
  </si>
  <si>
    <t>FR86303-HDTX</t>
  </si>
  <si>
    <t>Papa Garou</t>
  </si>
  <si>
    <t>Quand Chat Noir manque de comprendre que Marinette est Ladybug, Marinette panique et lui fait croire qu’elle est amoureuse de lui pour détourner son attention. Mais ses parents assistent à sa déclaration, et Tom, absolument ravi, décide d’inviter Chat Noir à déjeuner chez les Dupain-Cheng. Mais quand le super-héros leur avoue qu’il n’est pas amoureux de Marinette, Tom a le coeur brisé et se fait akumatiser par le Papillon. Devenu Papa Garou, un immense homme-chien de garde monstrueux, il enferme Marinette dans une prison de ronces pour la protéger du monde extérieur et des peines de coeur.</t>
  </si>
  <si>
    <t>FR84367-HDTX</t>
  </si>
  <si>
    <t>Un monstre amoureux</t>
  </si>
  <si>
    <t>Lorsqu'un autre monfuego menace d'entrer en éruption, Elena appelle Charoca à l'aide pour découvrir ce qui met en colère le monstre de pierre qui y habite.</t>
  </si>
  <si>
    <t>FR54808-HDTX</t>
  </si>
  <si>
    <t>Le Chant des Sirènes - Première partie</t>
  </si>
  <si>
    <t>Elena se rend sur la côte ouest d'Avalor afin de rendre visite à des membres de sa famille qu'elle n'a pas vus depuis des années. Durant son voyage, elle rencontera des sirènes, mystérieuses créatures aquatiques… et Shuriki !</t>
  </si>
  <si>
    <t>FR54810-HDTX</t>
  </si>
  <si>
    <t>Le Chant des Sirènes - Deuxième partie</t>
  </si>
  <si>
    <t>Après avoir été attaquée par Shuriki, Elena réussit à s’allier avec les sirènes pour protéger Avalor.</t>
  </si>
  <si>
    <t>FR54811-HDTX</t>
  </si>
  <si>
    <t>La vérité en bulles / La chasse au trésor</t>
  </si>
  <si>
    <t>Sadie veut absolument savoir où sa mère prévoit de l'emmener en vacances cette année, mais celle-ci souhaite que cela reste une surprise. La jeune fille décide alors de lancer un sort de vérité à travers la télévision, pendant un reportage présenté par Selina. / La Chasse au trésor annuelle de Harmony High est arrivée et Teepee veut absolument gagner, car Jake a promis au vainqueur 50 smoothies gratuits, ainsi que le droit de renommer son smoothie préféré !</t>
  </si>
  <si>
    <t>FR61479-HDTX</t>
  </si>
  <si>
    <t>Vague de chaleur / Une Sadie peut en cacher une autre</t>
  </si>
  <si>
    <t>Il fait bien trop froid pour consommer des smoothies et Jake est inquiet de voir sa boutique désertée. Quand Coach en profite pour faire une offre de rachat à un prix dérisoire, Sadie craint que Sam ne déménage.Elle convainc Gilbert de lui laisser lancer un sort pour faire revenir le soleil. / Sadie attrape un rhume après avoir passé trop de temps dehors à s'exercer à lancer un sort de gel avec Gilbert. Selina lui ordonne de rester au lit pour se reposer, mais la jeune fille veut absolument aller en cours. Gilbert accepte de subir un sort de camouflage pour prendre l'apparence de Sadie.</t>
  </si>
  <si>
    <t>FR61480-HDTX</t>
  </si>
  <si>
    <t>Hôtel Transylvanie - La Série S1 Ep 11a</t>
  </si>
  <si>
    <t>Mavis détruit les bandelettes de Pedro par inadvertance et doit les remplacer. Ignorant l'importance du choix des matériaux, elle se sert de tout ce qui peut lui tomber sous la main. Résultat: Pedro est méconnaissable. Vraiment méconnaissable.</t>
  </si>
  <si>
    <t>FR36982-HDTX</t>
  </si>
  <si>
    <t>Hôtel Transylvanie - La Série S1 Ep 11b</t>
  </si>
  <si>
    <t>Croyant se transformer en clone de Klaus, son infâme cousin, Mavis perd la tête.</t>
  </si>
  <si>
    <t>FR36983-HDTX</t>
  </si>
  <si>
    <t>116 bougies</t>
  </si>
  <si>
    <t>Mavis meurt (!) d'envie d'aller au concert de Jett Black où il doit interpréter la chanson qu'elle lui a composée. Mais Tante Lydia lui interdit d'y aller. Aaah, si Tante Lydia était plus jeune, elle comprendrait… Espérant donner un coup de jeune à sa tante, Mavis emprunte à son oncle Eugène un vaporisateur de sérum anti-putréfaction pour zombie. Mais elle y va un peu trop fort sur la dose et Lydia se transforme en adolescente rebelle.</t>
  </si>
  <si>
    <t>FR36984-HDTX</t>
  </si>
  <si>
    <t>Le Trou de Trop</t>
  </si>
  <si>
    <t>Par une nuit d’hiver, nos héros remarquent une adorable petite mite qui tente de « chercher un peu de chaleur » près d’une lampe. Vic a beau protester que les mites sont un « nid à problèmes », ils l’invitent à rester avec eux. Wash insiste auprès de Vic, lui disant que la petite mangeuse de laine peut apprendre à se comporter comme un « animal d’intérieur » - tout comme eux ! Sauf qu’elle mange tout le derrière du costume de Sam !</t>
  </si>
  <si>
    <t>PG12923-TX</t>
  </si>
  <si>
    <t>Un Chien Héroïque</t>
  </si>
  <si>
    <t>Un soir, en regardant les infos de la nuit, nos héros voient un chien se faire congratuler pour le sauvetage d’un chaton. Washington, qui veut de l’amour et des friandises, mais surtout prouver qu’il est un VRAI chien, se trouve un nouveau but dans la vie : devenir le chien le plus héroïque de tous les temps.</t>
  </si>
  <si>
    <t>PG12924-TX</t>
  </si>
  <si>
    <t>Mon Vieux Wash</t>
  </si>
  <si>
    <t>Après avoir découvert un pauvre poil gris dans ses moustaches, Victoria convainc Washington qu’il a un pied dans la tombe. Elle calcule qu’en années de chien, il doit avoir au moins 32 ans ! Incapable d’accepter la vieillesse, Washington décide de prouver à ses amis – ainsi qu’à lui – qu’il a toujours « la forme ». Mais quand les preuves de son grand âge s’accumulent, Washington est forcé de regarder les choses en face. Peut-être que ses meilleures années sont derrière lui !</t>
  </si>
  <si>
    <t>PG12925-TX</t>
  </si>
  <si>
    <t>Au Sec-Ours</t>
  </si>
  <si>
    <t>Mitch, l’ours sauvage ennemi juré des Sauvages, réussit à se faire passer pour un bébé ours et adopter par les Livingstone. Très mignon en leur présence, il redevient la terreur que les Sauvages connaissent dès qu’ils s’absentent. Washington tente de négocier les conditions d’une cohabitation harmonieuse mais Mitch ne veut rien entendre. Pire il prend de plus en plus ses aises, mange la nourriture de ses colocataires et les fait accuser de ses propres bêtises.</t>
  </si>
  <si>
    <t>PG12926-TX</t>
  </si>
  <si>
    <t>Audimatrix</t>
  </si>
  <si>
    <t>La jounaliste Nadja Chamack invite Lady Bug et Chat Noir sur le plateau de son émission dans le but d'obtenir des révélations intimes sur leur relation. Mais Lady Bug ne se laisse pas faire ! Cela permettra au Papillon d'akumatiser la journaliste, qui deviendra Audimatrix.</t>
  </si>
  <si>
    <t>FR32402-HDTX</t>
  </si>
  <si>
    <t>L'insaisissable</t>
  </si>
  <si>
    <t>L’assistante dévouée de Jagged, se fait akumatiser par le Papillon et devient l’Insaisissable. Armée d’un stylo qui lui permet de devenir intangible quand elle le souhaite, celle qui réglait toujours les problèmes des autres va désormais tout faire pour en créer !Enfermée dans la boulangerie, Marinette devra trouver un moyen de s’éclipser et de se transformer en Ladybug pour aider Chat Noir à vaincre l’Insaisissable.Nos deux super-héros devront réussir à arrêter la vilaine avant qu’elle ne sème le chaos !</t>
  </si>
  <si>
    <t>FR32405-HDTX</t>
  </si>
  <si>
    <t>Relax Paf/ La Recrue/ Domotic-toc</t>
  </si>
  <si>
    <t>Réalisateur: Guillaume Rio</t>
  </si>
  <si>
    <t>Lola aide Lucie à se remémorer ses postures de yoga pour un examen tandis que Paf va tout faire pour qu'il y ait le moins de bruits possible pour aider Lola réussir sa mission./Lola doit récupérer la broche de sa mère qu'elle a accroché sur Capuche mais ce dernier disaparait. Il a été recruté par les Dobermanns qui pensent qu'il fait partie de la police, comme eux. Paf va devoir récupérer Capuche et la broche/Les Guanos s'emparent de la télécommande de la maison pour enfermer dehors Lola et Paf et s'emparer de Capuche. Paf va devoir récupérer la télécommande.</t>
  </si>
  <si>
    <t>FR83005-HDTX</t>
  </si>
  <si>
    <t>Paf contre le Titan</t>
  </si>
  <si>
    <t>Lola doit garder un petit chien pour la journée mais ce dernier se révèle être une véritable furie. Paf va devoir donner de lui-même pour éviter que la maison ne devienne un véritable souk.</t>
  </si>
  <si>
    <t>FR66518-HDTX</t>
  </si>
  <si>
    <t>La Princesse Rutabaga / Le mur d’escalade</t>
  </si>
  <si>
    <t>104</t>
  </si>
  <si>
    <t>Réalisateur: Dan Povenmire, Réalisateur: Robert F Hughes, Interprète: Bowling For SoupRéalisateur: Dan Povenmire, Interprète: Bowling For Soup</t>
  </si>
  <si>
    <t>Candice a été élue Princesse Rutabaga et préside aux festivités de la centième course annuelle de chinchillas de Danville à Badgertown retransmise à la télévision. / Candice entre en studio pour enregistrer la version audio du manuel des Filles du Feu.</t>
  </si>
  <si>
    <t>FR54064-HDTX</t>
  </si>
  <si>
    <t>Le Roi des abeilles / Opération Abeilles</t>
  </si>
  <si>
    <t>105</t>
  </si>
  <si>
    <t>Réalisateur: Sue Perrotto, Réalisateur: Dan Povenmire, Interprète: Bowling For SoupRéalisateur: Dan Povenmire, Interprète: Bowling For Soup</t>
  </si>
  <si>
    <t>Doofenschmirtz décide d’utiliser des phéromones d’abeille pour devenir le Roi des abeilles. / Quand elles découvrent la disparition de leurs abeilles, les Filles du Feu se transforment en abeilles grâce à une vieille invention de Phinéas et Ferb.</t>
  </si>
  <si>
    <t>FR54065-HDTX</t>
  </si>
  <si>
    <t>Glaciator</t>
  </si>
  <si>
    <t>D’après la légende, le couple qui mange une glace chez André s’aime pour toujours ! Marinette espère qu’Adrien sera de la partie, mais ce dernier ne vient pas. Déçue par l’absence d’Adrien, Marinette refuse de manger la glace que lui tend André.Effondré, le glacier est akumatisé par le Papillon. Devenu Glaciator et armé de sa portionneuse à glace, il transforme les gens en glace.Ladybug et un Chat Noir vont unir leurs forces pour arrêter Glaciator avant que tous les Parisiens n’aient fondu !</t>
  </si>
  <si>
    <t>FR32403-HDTX</t>
  </si>
  <si>
    <t>FRIENDS: LE POUVOIR DE L'AMITIÉ</t>
  </si>
  <si>
    <t>La Compétition de Snowboard</t>
  </si>
  <si>
    <t>Réalisateur: André Bergs</t>
  </si>
  <si>
    <t>Alors que Mia s'entraine dure pour une course de snowboard, les filles doivent trouver une solution pour sauver les animaux du cabinet vétérinaire et leur offrir un refuge. Mia se blesse.</t>
  </si>
  <si>
    <t>FR36735-HDTX</t>
  </si>
  <si>
    <t>Songe d'une nuit d'hiver</t>
  </si>
  <si>
    <t>C'est le 31 décembre. Alors qu'Olivia participe au grand concours de sciences avec un robot exceptionnel, Emma gagne le concours sans le vouloir. Olivia est trés déçue mais son robot va lui faire comprendre que rien ne vaut l'amitié.</t>
  </si>
  <si>
    <t>FR36736-HDTX</t>
  </si>
  <si>
    <t>Le Dislocoeur</t>
  </si>
  <si>
    <t>C’est la Saint-Valentin, et Marinette découvre qu’Adrien a écrit un poème à une jeune fille qu’il voit tous les jours… Et s’il s’agissait d’elle ? Pour le découvrir, elle décide d’écrire une carte à Adrien dans laquelle elle lui déclare sa flamme.Dans son enthousiasme, elle encourage Kim à avouer lui aussi ses sentiments à Chloé. Mais cette dernière se moque de lui et le rejette. Humilié, Kim est akumatisé par Le Papillon et devient l’ange noir Dislocoeur. Armé d’un arc et de roses maléfiques, il veut faire disparaître l’amour et l’amitié du cœur des Parisiens pour les remplacer par la haine</t>
  </si>
  <si>
    <t>PG19197-TX</t>
  </si>
  <si>
    <t>Réalisateur: Thomas Astruc, Réalisateur: Matthieu ChoquetRéalisateur: Thomas Astruc</t>
  </si>
  <si>
    <t>Le Pyja-Robot / Les Pyjamasques et le Super Cristal</t>
  </si>
  <si>
    <t>Les Pyjamasques découvrent la nouvelle invention de Roméo : un mini-robot très mignon et câlin qu’ils prennent vite en affection. Mais il s’agit d’un piège: Roméo attend que les Pyjamasques emmènent le robot pour le téléguider et lui faire détruire le Q.G. / Alors que nos trois héros peuvent compter sur Pyja-robot, qui a toutes les qualités pour devenir le quatrième Pyjamasque, ils doivent affronter Ninjaka et sa bande de Ninjazouaves qui ont décidé, cette fois-ci, de voler tous les bâtiments de la ville.</t>
  </si>
  <si>
    <t>FR43075-HDTX</t>
  </si>
  <si>
    <t>Gluglu et la lune rousse : Partie 1 / Gluglu et la lune rousse : Partie 2</t>
  </si>
  <si>
    <t>Sorceline s'envole vers la lune rousse pour gagner de nouveaux pouvoirs grâce à des cristaux de lune très rares. Les Pyjamasques foncent à sa poursuite, mais Gluglu a peur d'aller dans l'espace, ce monde inconnu et si imprévisible. Le voyage est drôlement mouvementé !/ Alors que Bibou et Yoyo ont poursuivi Sorceline dans sa forteresse lunaire, ils sont emprisonnés par des cristaux géants et ne peuvent compter que sur Gluglu, resté dans leur vaisseau spatial. Heureusement, Gluglu trouve le courage pour affronter ses peurs.</t>
  </si>
  <si>
    <t>FR43077-HDTX</t>
  </si>
  <si>
    <t>La brebis de Zuri</t>
  </si>
  <si>
    <t>Réalisateur: Bob Koherr, Interprète: Lincoln Melcher, Interprète: Miranda May, Interprète: Skai Jackson, Interprète: Nina Lu, Interprète: Nathan Arenas, Interprète: Karan Brar, Interprète: Peyton List, Interprète: Kevin QuinnInterprète: Skai Jackson, Interprète: Nathan Arenas, Interprète: Karan Brar, Interprète: Peyton List, Interprète: Kevin Quinn, Interprète: Miranda May, Interprète: Nina Lu</t>
  </si>
  <si>
    <t>Lou demande à Zuri et Emma de venir travailler à la grange. Les garçons découvrent que Gladys cache un secret dans les bois.</t>
  </si>
  <si>
    <t>FR29055-HDTX</t>
  </si>
  <si>
    <t>Zuri et les fouines</t>
  </si>
  <si>
    <t>Réalisateur: Phill Lewis, Interprète: Miranda May, Interprète: Skai Jackson, Interprète: Tessa Netting, Interprète: Nina Lu, Interprète: Nathan Arenas, Interprète: Karan Brar, Interprète: Lily Mae Silverstein, Interprète: Peyton List, Interprète: Lincoln Melcher, Interprète: Kevin QuinnInterprète: Skai Jackson, Interprète: Nathan Arenas, Interprète: Karan Brar, Interprète: Peyton List, Interprète: Kevin Quinn, Interprète: Miranda May, Interprète: Nina Lu</t>
  </si>
  <si>
    <t>Devant le désarroi de Zuri, Hazel la nomme monitrice stagiaire de la cabane des Fouines. Jorge convainc Ravi que le cheval du camp a un talent caché.</t>
  </si>
  <si>
    <t>FR29057-HDTX</t>
  </si>
  <si>
    <t>Nouvelle amitié</t>
  </si>
  <si>
    <t>Quand Cami perd l'argent pour le prochain danse-athon de l'école, la seule personne prête à l'aider est une nouvelle camarade de classe excentrique nommée Delaware.</t>
  </si>
  <si>
    <t>FR58802-HDTX</t>
  </si>
  <si>
    <t>Comme des poissons dans l'eau</t>
  </si>
  <si>
    <t>Cooper décide d'emmener son petit frère Oliver à sa première partie de pêche, mais quand le bateau tombe en panne, lui, Oliver et Fred se retrouvent coincés au milieu d'un lac.</t>
  </si>
  <si>
    <t>FR58803-HDTX</t>
  </si>
  <si>
    <t>Épisode 74</t>
  </si>
  <si>
    <t>74</t>
  </si>
  <si>
    <t>Réalisateur: Jorge Nisco, Réalisateur: Lucas Gil, Réalisateur: Martin Saban, Interprète: Jorge Blanco, Interprète: Candelaria Molfese, Interprète: Diego Ramos, Interprète: Nicolas Garnier, Interprète: Martina Stoessel, Interprète: Facundo Gambande, Interprète: Pablo Espinosa, Interprète: Simone Lijoi, Interprète: Mercedes Lambre, Interprète: Lodovica Comello, Interprète: Florencia Benitez, Interprète: Alba Rico, Interprète: Clara Alonso, Interprète: Joaquin Mendez, Interprète: Damian Trabada, Interprète: Gonzalo Martinez, Interprète: Esther Ramos, Interprète: Milagros Ceballos, Interprète: Iara MunozRéalisateur: Jorge Nisco, Réalisateur: Martin Saban, Réalisateur: Lucas Gil, Interprète: Martina Stoessel, Interprète: Clara Alonso, Interprète: Facundo Gambande, Interprète: Pablo Espinosa, Interprète: Simone Lijoi, Interprète: Mercedes Lambre, Interprète: Lodovica Comello, Interprète: Florencia Benitez, Interprète: Alba Rico, Interprète: Jorge Blanco, Interprète: Candelaria Molfese, Interprète: Diego Ramos, Interprète: Nicolas Garnier, Interprète: Joaquin Mendez, Interprète: Damian Trabada, Interprète: Gonzalo Martinez, Interprète: Esther Ramos, Interprète: Milagros Ceballos, Interprète: Iara Munoz</t>
  </si>
  <si>
    <t>Violetta s'aperçoit que Léon a écrit la chanson dont elle a rêvé. German et Angie sont bouleversés par le baiser qu'ils échangent et ils commencent à réaliser que leurs sentiments ne pourront pas être étouffés.</t>
  </si>
  <si>
    <t>43min</t>
  </si>
  <si>
    <t>FJ67410-TX</t>
  </si>
  <si>
    <t>11/12/2020</t>
  </si>
  <si>
    <t>vendredi</t>
  </si>
  <si>
    <t>La foire aux amis / Le filou filouté</t>
  </si>
  <si>
    <t>Chip et Bill deviennent amis. Cricket se fait escroquer.</t>
  </si>
  <si>
    <t>FR70947-HDTX</t>
  </si>
  <si>
    <t>La ferme des Green / Le monde magique des poupées</t>
  </si>
  <si>
    <t>Retour en arrière : le jeune Bill fera tout ce qu'il pourra pour que la ferme familiale prospère. Tlly et Nancy fêtent l'anniversaire de Saxon dans un magasin de poupées très chic.</t>
  </si>
  <si>
    <t>FR70948-HDTX</t>
  </si>
  <si>
    <t>Une vague de changement</t>
  </si>
  <si>
    <t>Alors qu'Elena voudrait signer un Pacte d'Unité avec les sirènes, une sirène méfiante et un dauphin capable de changer d'apparence perturbent la paix entre les deux peuples.</t>
  </si>
  <si>
    <t>FR54812-HDTX</t>
  </si>
  <si>
    <t>Le retour d'El Capitan</t>
  </si>
  <si>
    <t>Elena fait équipe avec son grand-père pour terminer une mission qu'il a commencée il y a de nombreuses années.</t>
  </si>
  <si>
    <t>FR54816-HDTX</t>
  </si>
  <si>
    <t>A la recherche de Zuzo</t>
  </si>
  <si>
    <t>Quand Zuzo disparaît dans le Monde des Esprits, Elena demande de l'aide à d'autres guides spirituels pour le retrouver.</t>
  </si>
  <si>
    <t>FR54809-HDTX</t>
  </si>
  <si>
    <t>Victime des rimes / Grandis un peu !</t>
  </si>
  <si>
    <t>Sadie a deux devoirs à rédiger : un sort de disparition plutôt compliqué pour les Anciens et un poème pour le concours de poésie régional de Miss Lacey. Elle s'y prend au dernier moment et c'est la course pour terminer les deux. Gilbert propose de l'aider en allant apporter le sort aux Anciens, mais il découvre bientôt qu'il s'est trompé de feuille... / Les Anciens donnent une mission à Sadie et Blaine : ils doivent créer un sortilège totalement nouveau. Bien décidé à remporter les faveurs du jury, Blaine lance un sort d'immaturité à Sadie pour la ralentir, mais il frappe Gilbert à la place.</t>
  </si>
  <si>
    <t>FR61481-HDTX</t>
  </si>
  <si>
    <t>Répétition générale / Melvin tout puissant</t>
  </si>
  <si>
    <t>Après des millions de tentatives infructueuses, elle a enfin décroché un rendez-vous avec Sam !Des tas de gens lui ont demandé de l'aide et elle n'a pas réussi à faire attention à Sam qui a fini par parler avec Val ! Si seulement elle pouvait tout recommencer ! / C'est la journée mondiale de l'écologie ! Miss Lacey invite ses élèves à monter sur la scène de l'école pour faire part aux autres de leurs idées pour l'environnement. Sadie encourage vivement Melvin à y aller, mais il est terriblement nerveux et la jeune fille se rend rapidement compte qu'il a besoin d'aide.</t>
  </si>
  <si>
    <t>FR61482-HDTX</t>
  </si>
  <si>
    <t>À momie pour la vie</t>
  </si>
  <si>
    <t>Pedro panique: sa maman momie doit venir lui rendre visite alors qu'il lui a fait croire qu'il était le patron de l'Hôtel Transylvanie. Il va devoir lui avouer son mensonge… Heureusement ses amis arrivent à convaincre tout le personnel de jouer le jeu et d'obéir aux ordres de Pedro. Mais bientôt, le pouvoir lui monte à la tête et la situation dégénère. Longue vie au roi Pedro!</t>
  </si>
  <si>
    <t>FR36985-HDTX</t>
  </si>
  <si>
    <t>Le prestidigita-peur</t>
  </si>
  <si>
    <t>Pour augmenter la fréquentation de l'hôtel, Mavis veut persuader tante Lydia d'y organiser des soirées. Pour lui prouver que c'est une bonne idée, elle organise une fête en l'honneur de Diane où un magicien fera son numéro. Mais quand celui-ci se dérobe, Mavis doit prendre sa place. Elle y parvient si bien qu'elle fait disparaître Diane et ses amis, mais elle est incapable de les faire réapparaître!</t>
  </si>
  <si>
    <t>FR36986-HDTX</t>
  </si>
  <si>
    <t>Aïe, aïe, ail!</t>
  </si>
  <si>
    <t>Quasimodo reçoit par erreur… des graines d'ail! Mavis est évidemment curieuse de connaître les effets réels de ce bulbe maudit et sème par inadvertance des graines un peu partout dans l'hôtel. Tante Lydia ordonne une mise en quarantaine et tous les monstres s'en vont dormir chez les Quatre-Quarts, qui sont absents. Mavis doit retourner au plus vite à l'hôtel et supprimer tous les indices qui permettraient à Lydia de savoir qui est responsable de cette infestation aillée.</t>
  </si>
  <si>
    <t>FR36987-HDTX</t>
  </si>
  <si>
    <t>La Course Du Quartier - 1ère Partie</t>
  </si>
  <si>
    <t>C’est l’été et la fête annuelle des voisins s’organise dans le quartier ! Il y a des saucisses qui cuisent sur le grill, des boissons, et la partie préférée de M. Livingstone : la COURSE D’ANIMAUX ! Le vainqueur gagne une année de nourriture pour animaux, c’est pourquoi il n’y a pas un seul animal qui ne soit engagé dans cette course fantastique.</t>
  </si>
  <si>
    <t>PG12927-TX</t>
  </si>
  <si>
    <t>La Course Du Quartier - 2ème Partie</t>
  </si>
  <si>
    <t>C’est la seconde moitié de ce spécial avec tous les protagonistes, la course continue avec Mitch qui change la trajectoire du parcours pour mener les participants à quatre pattes au plus profond de la forêt ! Maintenant tous nos protagonistes se retrouvent dans le bois avec un Ours sur les talons. C’est le chaos et tout le monde se disperse sans savoir où aller.</t>
  </si>
  <si>
    <t>PG12928-TX</t>
  </si>
  <si>
    <t>Comme neuf</t>
  </si>
  <si>
    <t>Quand Sam et Eugénie brisent un vase de famille de Mme Livingstone, Wash se fait accuser à leur place. Après tout, ses copains ont juré que ça ne se reproduirait plus, mais ils se lancent quand même dans une nouvelle course poursuite ! Mais Vic a d’autres plans en tête et fait discrètement tomber de la table, la nouvelle sculpture que M. Livingstone a rapportée de son cours d’art. Aah ! Wash et la bande pensent que c’est leur faute et font de leur mieux pour recréer son œuvre !</t>
  </si>
  <si>
    <t>PG12929-TX</t>
  </si>
  <si>
    <t>Un Rêve Complètement Fou</t>
  </si>
  <si>
    <t>Les Livingstone décident de passer un petit week-end à la plage, nos héros quittent immédiatement leurs costumes pour se prélasser « au naturel ». Haaa, la liberté. A chaque heure qui passe, ils baissent un peu plus leur garde. Même Vic se prend au jeu des animaux sauvages et découvre la lionne qui est en elle ! Mais ce qu’ils n’avaient pas prévu, c’est le retour anticipé des Livingstone.</t>
  </si>
  <si>
    <t>PG12954-TX</t>
  </si>
  <si>
    <t>Sapotis</t>
  </si>
  <si>
    <t>Alors que Marinette et Alya font une soirée pyjama chez cette dernière, les petites sœurs d’Alya, les jumelles Etta et Ella, enchaînent les bêtises. Punies par Alya, les jumelles se font akumatiser par le Papillon. Devenues les Sapotis, des petits monstres incontrôlables qui se reproduisent en mangean. Rapidement dépassée par la situation et le nombre de Sapotis facétieux, Ladybug doit faire appel à une nouvelle super héroïne. Elle choisit Alya et lui confie le Miraculous du Renard. Alya devient Rena Rouge, la super-héroïne renarde armée d’une flûte à illusions !</t>
  </si>
  <si>
    <t>FR32412-HDTX</t>
  </si>
  <si>
    <t>Le Hibou Noir</t>
  </si>
  <si>
    <t>Le proviseur du collège, Monsieur Damoclès, aime se déguiser en Hibou, un super-héros qu’il admire et dont il essaie d’imiter les prouesses. Malheureusement, M. Damoclès n’a pas l’habileté de son héros, et Ladybug et Chat Noir doivent souvent voler à son secours. Au cours d’une de ses missions, Ladybug et Chat Noir, en voulant l’aider, l’humilient involontairement en public.Honteux et furieux, M. Damoclès est akumatisé par le Papillon et devient le Hibou Noir.</t>
  </si>
  <si>
    <t>FR32413-HDTX</t>
  </si>
  <si>
    <t>Camping surprise</t>
  </si>
  <si>
    <t>Maman et Papa emmènent Lola, Lucie, Hugo et Victor faire du camping dans la forêt. Alors que les parents vont chercher du bois et se perdent dans la forêt, Lola va devoir rassurer ses amis tandis que Paf va tout faire pour que les Guanos n'en profitent pas pour capturer Capuche. Mais ce dernier se lie d'amitié avec...un ours. Ce qui va faciliter la tâche pour personne!</t>
  </si>
  <si>
    <t>FR83021-HDTX</t>
  </si>
  <si>
    <t>Poisson-chien</t>
  </si>
  <si>
    <t>Lola accepte de garder le poisson rouge de sa vieille voisine, Honorine. Bien évidemment, les Guanos ont jeté leur dévolu sur la pauvre bête et Paf doit assurer sa surveillance. Ayant découvert que c’était le jour de l'anniversaire de la vieille dame, Lola veut lui faire une surprise. De son côté, Paf est entraîné dans les égouts pour une lutte sans merci contre les Guanos. Pour notre héros, il va falloir se mouiller !</t>
  </si>
  <si>
    <t>FR66519-HDTX</t>
  </si>
  <si>
    <t>Duo d’élite</t>
  </si>
  <si>
    <t>106</t>
  </si>
  <si>
    <t>Doofenshmirtz participe à un programme d’échanges américano-canadien de plans diaboliques et Perry a pour mission de l’empêcher de s’emparer d’Albert l’Orignal Précieux, emblème du Canada.</t>
  </si>
  <si>
    <t>FR54066-HDTX</t>
  </si>
  <si>
    <t>Nœud pas déranger / Piège intergalactique</t>
  </si>
  <si>
    <t>107</t>
  </si>
  <si>
    <t>Phinéas, Ferb et leurs amis projettent de faire et défaire le nœud Gordien. Pendant ce temps, Candice tente de deviner ce que Jeremy cache dans son mini-coffre. / La bande de Phinéas et Ferb est d’accord pour échanger leurs enveloppes corporelles.</t>
  </si>
  <si>
    <t>FR54067-HDTX</t>
  </si>
  <si>
    <t>Gigantitan</t>
  </si>
  <si>
    <t>Le garde du corps d’Adrien, énervé à cause des filles, devient une cible de choix pour le Papillon. Cependant, alors que ce dernier tente de l’akumatiser, le Gorille se calme. L’akuma transforme alors un jeune enfant se trouvant sur son chemin et énervé d’avoir perdu sa tétine.Devenu Gigantitan, un bébé géant doté d’une force incroyable, l’enfant parcourt Paris à la recherche d’une nouvelle tétine, détruisant tout sur son passage.</t>
  </si>
  <si>
    <t>FR32406-HDTX</t>
  </si>
  <si>
    <t>FR86022-HDTX</t>
  </si>
  <si>
    <t>FR86837-HDTX</t>
  </si>
  <si>
    <t>FR86023-HDTX</t>
  </si>
  <si>
    <t>Le Chevalier Noir</t>
  </si>
  <si>
    <t>Catastrophe ! En cherchant à ridiculiser Marinette pour l’empêcher d’être élue déléguée de classe, Chloé a mis la main sur son journal intime, dans lequel Marinette raconte tous ses secrets… y compris le fait qu’elle est Ladybug ! Marinette doit absolument le récupérer avant que Chloé ne puisse le lire !Mais avant qu’elle en ait le temps, le professeur d’escrime d’Adrien, battu aux élections municipales, est akumatisé et devient Le Chevalier Noir. Armé de son épée, il transforme les Parisiens en chevaliers pour prendre d’assaut l’Hôtel de Ville et en déloger le Maire Bourgeois.</t>
  </si>
  <si>
    <t>PG19198-TX</t>
  </si>
  <si>
    <t>Visite inattendue</t>
  </si>
  <si>
    <t>Réalisateur: Robbie Countryman, Interprète: Tessa Netting, Interprète: Mason Patrick Mahay, Interprète: Cameron Boyce, Interprète: Miranda May, Interprète: Nina Lu, Interprète: Skai Jackson, Interprète: Emma Shannon, Interprète: Karan Brar, Interprète: Lincoln Autumn Bertman, Interprète: Nathan Arenas, Interprète: Kevin Quinn, Interprète: Peyton ListInterprète: Skai Jackson, Interprète: Nathan Arenas, Interprète: Karan Brar, Interprète: Peyton List, Interprète: Kevin Quinn, Interprète: Miranda May, Interprète: Nina Lu</t>
  </si>
  <si>
    <t>Luke arrive au camp et décide d'entraîner Griff et Zuri dans une aventure pour prouver qu'il est aussi responsable que n'importe quel moniteur.</t>
  </si>
  <si>
    <t>FR29058-HDTX</t>
  </si>
  <si>
    <t>La Reine de la Peur</t>
  </si>
  <si>
    <t>Réalisateur: Robbie Countryman, Interprète: Skai Jackson, Interprète: Nina Lu, Interprète: Nathan Arenas, Interprète: Karan Brar, Interprète: Kevin Quinn, Interprète: Peyton List, Interprète: Paula Rhodes, Interprète: Miranda MayInterprète: Skai Jackson, Interprète: Nathan Arenas, Interprète: Karan Brar, Interprète: Peyton List, Interprète: Kevin Quinn, Interprète: Miranda May, Interprète: Nina Lu</t>
  </si>
  <si>
    <t>Jorge participe à un concours d'écriture de nouvelles d'horreur et gagne un déjeuner avec sa romancière préférée, Stéphanie Queen. De son côté, Xander doit jouer les arbitres entre Emma et Ravi.</t>
  </si>
  <si>
    <t>FR29059-HDTX</t>
  </si>
  <si>
    <t>Evasion basson</t>
  </si>
  <si>
    <t>Dans une tentative désespérée pour éviter d'assister au spectacle de basson de Charlotte, Coop, Cami et Fred mentent en inventant un mariage auquel ils doivent assister le même jour.</t>
  </si>
  <si>
    <t>FR84957-HDTX</t>
  </si>
  <si>
    <t>Épisode 75</t>
  </si>
  <si>
    <t>75</t>
  </si>
  <si>
    <t>Réalisateur: Jorge Nisco, Réalisateur: Lucas Gil, Réalisateur: Martin Saban, Interprète: Simone Lijoi, Interprète: Mercedes Lambre, Interprète: Lodovica Comello, Interprète: Florencia Benitez, Interprète: Alba Rico, Interprète: Clara Alonso, Interprète: Facundo Gambande, Interprète: Jorge Blanco, Interprète: Candelaria Molfese, Interprète: Diego Ramos, Interprète: Nicolas Garnier, Interprète: Martina Stoessel, Interprète: Pablo Espinosa, Interprète: Iara Munoz, Interprète: Joaquin Mendez, Interprète: Damian Trabada, Interprète: Gonzalo Martinez, Interprète: Esther Ramos, Interprète: Milagros CeballosRéalisateur: Jorge Nisco, Réalisateur: Martin Saban, Réalisateur: Lucas Gil, Interprète: Martina Stoessel, Interprète: Clara Alonso, Interprète: Facundo Gambande, Interprète: Pablo Espinosa, Interprète: Simone Lijoi, Interprète: Mercedes Lambre, Interprète: Lodovica Comello, Interprète: Florencia Benitez, Interprète: Alba Rico, Interprète: Jorge Blanco, Interprète: Candelaria Molfese, Interprète: Diego Ramos, Interprète: Nicolas Garnier, Interprète: Joaquin Mendez, Interprète: Damian Trabada, Interprète: Gonzalo Martinez, Interprète: Esther Ramos, Interprète: Milagros Ceballos, Interprète: Iara Munoz</t>
  </si>
  <si>
    <t>Nata rompt tout lien amical avec Ludmila à cause de l'histoire de la lettre à Maxi. Francesca et Camila pensent que Violetta s'interpose dans la relation Francesca/Tomas. Durant le repas, Jade révèle à toute la famille qu'Angie est la tante de Violetta.</t>
  </si>
  <si>
    <t>FJ67411-TX</t>
  </si>
  <si>
    <t>60min</t>
  </si>
  <si>
    <t xml:space="preserve">Marinette rencontre Maître Fu. Ce dernier pense que le propriétaire du grimoire est peut-être également le Papillon. Elle finit par découvrir que le véritable propriétaire du grimoire est en réalité Gabriel Agreste, le père d’Adrien. Elle décide alors de </t>
  </si>
  <si>
    <t>DJFR</t>
  </si>
  <si>
    <t>LA MAISON DE MICKEY</t>
  </si>
  <si>
    <t>Le grand spectacle de Clarabelle</t>
  </si>
  <si>
    <t>Réalisateur: Rob LaDuca, Réalisateur: Vic Cook, Réalisateur: Donovan Cook, Réalisateur: Sherie Pollack, Interprète: They Might Be GiantsRéalisateur: Vic Cook, Réalisateur: Donovan Cook, Réalisateur: Rob LaDuca, Réalisateur: Sherie Pollack, Interprète: They Might Be Giants</t>
  </si>
  <si>
    <t>Clarabelle organise un spectacle musical.</t>
  </si>
  <si>
    <t>2005</t>
  </si>
  <si>
    <t>FR30678-HDTX</t>
  </si>
  <si>
    <t>06:30:00</t>
  </si>
  <si>
    <t>Mickey va sur Mars</t>
  </si>
  <si>
    <t>61</t>
  </si>
  <si>
    <t>Réalisateur: Donovan Cook, Réalisateur: Vic Cook, Réalisateur: Rob LaDuca, Réalisateur: Sherie Pollack, Interprète: They Might Be GiantsRéalisateur: Vic Cook, Réalisateur: Donovan Cook, Réalisateur: Rob LaDuca, Réalisateur: Sherie Pollack, Interprète: They Might Be Giants</t>
  </si>
  <si>
    <t>Mickey et ses amis partent sur Mars.</t>
  </si>
  <si>
    <t>FR30679-HDTX</t>
  </si>
  <si>
    <t>GIGANTOSAURUS</t>
  </si>
  <si>
    <t>La tête dans les étoiles / Le triomphe de Tiny</t>
  </si>
  <si>
    <t>Réalisateur: Olivier LelardouxRéalisateur: Olivier Lelardoux</t>
  </si>
  <si>
    <t>Mazu veut cartographier le ciel de nuit, et entraîne ses amis dans le canyon pour l’aider. Mais tout doit être fait comme elle le veut, et elle n’écoute pas ses copains qui veulent jouer ou sont fatigués. / Tiny veut jouer à « faire une exposition d’art », mais ses copains ne sont pas très réceptifs. Quand le volcan entre en éruption, les enfants n’ont pas d’autre choix que de se réfugier très loin, dans l’oasis. Et pour rentrer à la maison, ça va pas être coton...</t>
  </si>
  <si>
    <t>FR65962-HDTX</t>
  </si>
  <si>
    <t>07:30:00</t>
  </si>
  <si>
    <t>T.O.T.S.</t>
  </si>
  <si>
    <t>T.O.T.S. S1 Ep 24</t>
  </si>
  <si>
    <t>Pipou le pingouin et Freddy le flamant rose sont livreurs débutants chez T.O.T.S, les Transports par Oiseaux de Tout-petitS, où ils sont chargés de livrés d'adorables bébés animaux à leurs parents.</t>
  </si>
  <si>
    <t>FR72100-HDTX</t>
  </si>
  <si>
    <t>08:00:00</t>
  </si>
  <si>
    <t>BLUEY</t>
  </si>
  <si>
    <t>La Chauve-souris</t>
  </si>
  <si>
    <t>Réalisateur: Joe Brumm, Réalisateur: Richard JefferyRéalisateur: Joe Brumm, Réalisateur: Richard Jeffery</t>
  </si>
  <si>
    <t>N'étant pas autorisée à se coucher tard, Bluey rêve qu'elle est une chauve-souris afin de pouvoir rester éveillée toute la nuit. Elle se retrouve bientôt à voler dans la nuit étoilée.</t>
  </si>
  <si>
    <t>Australie</t>
  </si>
  <si>
    <t>FR79429-HDTX</t>
  </si>
  <si>
    <t>08:10:00</t>
  </si>
  <si>
    <t>A Cheval !</t>
  </si>
  <si>
    <t>Réalisateur: Richard Jeffery, Réalisateur: Joe BrummRéalisateur: Joe Brumm, Réalisateur: Richard Jeffery</t>
  </si>
  <si>
    <t>Maman et tante Trixie sont sorties laissant Bluey, Bingo et leurs cousines avec Papa et oncle Stripe. Ceux-ci voulaient regarder du criquet mais se font engagés comme chevaux de course. Bluey a oublié de ranger Poly Ponette, sa peluche préférée. Socks la prend et ne veut plus la lâcher. Afin de distraire Socks et récupérer la peluche intacte, les enfants organisent un mariage de chevaux avec Papa en Galopin et oncle Stripe en Etincelle. Mais Etincelle ne veut pas se marier et s'échappe. Socks abandonne alors la peluche pour coincer Etincelle et Bluey récupère sa précieuse Polly Ponette.</t>
  </si>
  <si>
    <t>FR79430-HDTX</t>
  </si>
  <si>
    <t>L'Hotel</t>
  </si>
  <si>
    <t>Papa se trouve embarqué dans le "Jeu de L'hôtel", dans lequel Bluey et Bingo dirigent un hôtel très farfelu dont Papa est le malheureux client. Mais comme Bluey commence à tout décider dans le jeu, Bingo cesse de jouer, mettant sa sœur dans l'obligation d'apprendre à faire des compromis pour que le jeu puisse se poursuivre.</t>
  </si>
  <si>
    <t>FR79380-HDTX</t>
  </si>
  <si>
    <t>08:30:00</t>
  </si>
  <si>
    <t>Bicyclette</t>
  </si>
  <si>
    <t>Au parc, Bluey se bat avec sa bicyclette sans y arriver. Mais en observant avec Papa la détermination que mettent ses amis à accomplir leur tâches, Bluey décide de persévérer.</t>
  </si>
  <si>
    <t>FR79381-HDTX</t>
  </si>
  <si>
    <t>08:40:00</t>
  </si>
  <si>
    <t>Bob, le Bilby</t>
  </si>
  <si>
    <t>Lorsque c'est au tour de Bingo d'emmener Bob, le bilby, la marionnette de la maternelle à la maison et de raconter son week-end dans le scrapbook, la famille décide de laisser de côté ses écrans pour lui faire passer un bon moment.</t>
  </si>
  <si>
    <t>FR79382-HDTX</t>
  </si>
  <si>
    <t>Les Pirates / La Disparition / Les Voisins</t>
  </si>
  <si>
    <t>Bluey et Bingo jouent aux pirates sur le hamac. Le jouet préféré de Bingo disparaît. Bluey ne sait pas comment gérer ses voisins bruyants.</t>
  </si>
  <si>
    <t>FR79386-HDTX</t>
  </si>
  <si>
    <t>09:00:00</t>
  </si>
  <si>
    <t>LES AVENTURES DE MICKEY ET SES AMIS</t>
  </si>
  <si>
    <t>Où est Mickey ? / Des Coucous à Hotdogville !</t>
  </si>
  <si>
    <t>62</t>
  </si>
  <si>
    <t>La journée de Mickey commence mal est il doit s'en accommoder. Les cousins Parisiens de Coucou-Loulou lui rendent visite.</t>
  </si>
  <si>
    <t>FR82280-HDTX</t>
  </si>
  <si>
    <t>09:30:00</t>
  </si>
  <si>
    <t>Le Dingosaure / Les bénévoles à la maison du thé</t>
  </si>
  <si>
    <t>66</t>
  </si>
  <si>
    <t>La visite de Tokyo tourne mal quand Dingo libère par accident un robot dinosaure dans les rues de la ville. Minnie emmène ses amies à participer à la traditionnelle cérémonie du thé Japonaise.</t>
  </si>
  <si>
    <t>FR82284-HDTX</t>
  </si>
  <si>
    <t>10:00:00</t>
  </si>
  <si>
    <t>ROCKETEER</t>
  </si>
  <si>
    <t>Rocketeer</t>
  </si>
  <si>
    <t>Kit Secord a 7 ans et elle rêve de devenir pilote. Elle reprend le flambeau de Rocketeer, super-héros qui arrivait à voler grâce à son rocket-pack ! Avec ses supers équipements et son identité secrète, Kit survole Hughesville et protège ses habitants. Pour l'aider dans ses missions, elle peut compter sur son meilleur ami Tesh, son bouledogue Butch et son grand-père, mécanicien aéronautique, Ambrose Secord.</t>
  </si>
  <si>
    <t>FR79551-HDTX</t>
  </si>
  <si>
    <t>10:30:00</t>
  </si>
  <si>
    <t>T.O.T.S. S1 Ep 14</t>
  </si>
  <si>
    <t>Pipou et Freddy enseignent au bébé renne la joie d'offrir à Noël ! Pipou et Freddy ont malencontreusement tondu le bébé mouton et vont devoir trouver une solution pour lui rendre sa laine.</t>
  </si>
  <si>
    <t>FR72089-HDTX</t>
  </si>
  <si>
    <t>LA MAISON DE MICKEY : LA COLLECTION HIVER DE MINNIE</t>
  </si>
  <si>
    <t>Réalisateur: Phil Weinstein</t>
  </si>
  <si>
    <t>Minnie part à l’aventure avec ses nièces car elle a oublié qu’elle devait jouer avec elles.</t>
  </si>
  <si>
    <t>Special</t>
  </si>
  <si>
    <t>FR32686-HDTX</t>
  </si>
  <si>
    <t>12:00:00</t>
  </si>
  <si>
    <t>Le Travail</t>
  </si>
  <si>
    <t>Bluey et Bingo jouent au "travail" et se font embaucher dans la fabrique de tuyaux de leur père. Mais quand Bluey prend la direction, Papa trouve son nouveau patron très sévère en lui interdisant de danser.</t>
  </si>
  <si>
    <t>FR79403-HDTX</t>
  </si>
  <si>
    <t>Bumpy et le vieux lévrier sage</t>
  </si>
  <si>
    <t>Bluey et Papa envoient une vidéo maison à Bingo, malade à l'hôpital, pour lui remonter le moral. C’est l'histoire de la quête de Barnicus pour guérir Bumpy, son chien tacheté.</t>
  </si>
  <si>
    <t>FR80207-HDTX</t>
  </si>
  <si>
    <t>Le Trampoline</t>
  </si>
  <si>
    <t>Papa est un champion du trampoline mais quand il doit aller travailler, Bluey et Bingo veulent qu'il continue à jouer avec elles et refusent de le laisser partir. Elle l'obligent à se restaurer et inventent un jeu "petit-déjeuner". Il doit manger des toasts, des œufs et doit aussi avaler un horrible smoothie. Mais, les meilleures choses ont une fin et Papa, avant de partir, confie le soin à une Bluey au bord des larmes d'inventer ses propres jeux.</t>
  </si>
  <si>
    <t>FR79405-HDTX</t>
  </si>
  <si>
    <t>La Déchetterie</t>
  </si>
  <si>
    <t>En route pour la déchetterie, Papa déclare qu'il est meilleur en tout. Quand Bluey découvre qu'il s'apprête à jeter ses vieux dessins, elle se demande s'il est bien le meilleur Papa au monde.</t>
  </si>
  <si>
    <t>FR79406-HDTX</t>
  </si>
  <si>
    <t>Le Zoo</t>
  </si>
  <si>
    <t>Le jardin zoologique de Bluey est le foyer d'animaux merveilleux dont le grand Papa Gorille bleu. Mais le singe s'empare de Bingo qui s'était aventurée dans son enclos et Bluey doit capturer cet animal sauvage.</t>
  </si>
  <si>
    <t>FR79407-HDTX</t>
  </si>
  <si>
    <t>12:50:00</t>
  </si>
  <si>
    <t>Voyages en Sacs à Dos</t>
  </si>
  <si>
    <t>Maman et Papa partent à l'aventure avec pour sacs à dos leurs coquines de filles! Entre les visites et l'achat de nourriture dans la rue, l'aventure est une franche réussite, jusqu'à ce qu'ils perdent leurs passeports !</t>
  </si>
  <si>
    <t>FR79408-HDTX</t>
  </si>
  <si>
    <t>L'aventure</t>
  </si>
  <si>
    <t>Princesses, chevaux et baguettes magiques. Bluey et Chloé peuvent jouer tous les personnages, et se lancent dans une aventure au parc pour sauver le royaume de la Reine cupide</t>
  </si>
  <si>
    <t>FR79409-HDTX</t>
  </si>
  <si>
    <t>Imitation</t>
  </si>
  <si>
    <t>Bluey s'amuse à imiter tout ce que papa dit et fait, mais le jeu devient sérieux lorsque Bluey trouve une perruche blessée qu'ils doivent emmener d'urgence chez le vétérinaire.</t>
  </si>
  <si>
    <t>FR79410-HDTX</t>
  </si>
  <si>
    <t>13:20:00</t>
  </si>
  <si>
    <t>La Soirée Pyjama</t>
  </si>
  <si>
    <t>Muffin passe la soirée chez Bluey et Bingo, ravies de pouvoir se coucher plus tard. Mais Muffin, qui n'a pas fait la sieste, est épuisée et les deux sœurs jouent pour la tenir éveillée.</t>
  </si>
  <si>
    <t>FR79411-HDTX</t>
  </si>
  <si>
    <t>Le bébé prématuré</t>
  </si>
  <si>
    <t>L'hôpital pour bébés d'Indy est confronté aux chevaliers et aux dragons de Rusty. Le groupe de Bluey se chamaille. Finalement en s'expliquant, ils trouvent tous des points communs à leurs jeux.</t>
  </si>
  <si>
    <t>FR79413-HDTX</t>
  </si>
  <si>
    <t>13:40:00</t>
  </si>
  <si>
    <t>Les mamans et les papas</t>
  </si>
  <si>
    <t>Jouant au papa et à la maman, Indy et Rusty s’opposent sur celui qui doit travailler, alors ils se séparent. Indy peine à trouver une baby-sitter, tandis que Bluey prend Rusty comme bébé !</t>
  </si>
  <si>
    <t>FR79414-HDTX</t>
  </si>
  <si>
    <t>13:50:00</t>
  </si>
  <si>
    <t>Cache-cache</t>
  </si>
  <si>
    <t>Toute la famille joue à cache-cache. C'est à Bluey de chercher, elle compte jusqu'à vingt mais pourra-t'elle rester concentrée sur le jeu et ne pas se laisser distraire par tous ses jouets ?</t>
  </si>
  <si>
    <t>FR79415-HDTX</t>
  </si>
  <si>
    <t>Camping</t>
  </si>
  <si>
    <t>Bluey fait du camping dans la forêt et se fait un nouvel ami, Johnny. Bluey ne le comprend peut-être pas, mais ils trouvent une langue commune en jouant et en chassant un gros sanglier.</t>
  </si>
  <si>
    <t>FR79416-HDTX</t>
  </si>
  <si>
    <t>Le Mont Papamaman</t>
  </si>
  <si>
    <t>Bingo et Bluey ont encore cinq minutes pour jouer avant d'aller se coucher et ont juste le temps d’escalader le Mont Papamaman. Mais entre fortes tempêtes et avalanches, cela demandera un travail d'équipe.</t>
  </si>
  <si>
    <t>FR79417-HDTX</t>
  </si>
  <si>
    <t>14:20:00</t>
  </si>
  <si>
    <t>Le jeu des enfants</t>
  </si>
  <si>
    <t>Faire les courses s'avère difficile pour Papa, lorsque Bingo et Bluey veulent jouer au « jeu des enfants ». Maintenant Bluey est Maman, Bingo est son bébé et Papa est un garçon très vilain !</t>
  </si>
  <si>
    <t>FR79418-HDTX</t>
  </si>
  <si>
    <t>Ratpoulet</t>
  </si>
  <si>
    <t>À l'heure du coucher, Bingo a oublié où elle a laissé sa chère Floppy ! Revenant sur leurs pas, Bingo et Bluey revivent leur journée avec Maman, en espérant la retrouver.</t>
  </si>
  <si>
    <t>FR81482-HDTX</t>
  </si>
  <si>
    <t>14:40:00</t>
  </si>
  <si>
    <t>Les Voisins</t>
  </si>
  <si>
    <t>Bluey sollicite les conseils de sa maman concernant une voisine indélicate. La sérénité de sa maison imaginaire faite de coussins est menacée par l'étable d'animaux de Bingo qui s'étend à vue d'œil.</t>
  </si>
  <si>
    <t>FR79420-HDTX</t>
  </si>
  <si>
    <t>Taquineries</t>
  </si>
  <si>
    <t>Bluey, Bingo et Maman débattent avec Papa de la définition de taquiner. Elles se rappellent chaque fois où il a été un « gros taquin », Papa affirme qu'il « jouait seulement ».</t>
  </si>
  <si>
    <t>FR79421-HDTX</t>
  </si>
  <si>
    <t>La recette du désastre / Le gang de la forêt</t>
  </si>
  <si>
    <t>Un chef sournois vole le cahier de recettes de Kit et Sareena quand celles-ci refusent de dévoiler l’’ingrédient secret d’une délicieuse spécialité familiale ! Kit enquête sur une série de vols incroyables à travers Hughesville !</t>
  </si>
  <si>
    <t>FR79565-HDTX</t>
  </si>
  <si>
    <t>VAMPIRINA</t>
  </si>
  <si>
    <t>La Saint-Hurlantin/Une nouvelle remplaçante</t>
  </si>
  <si>
    <t>Réalisateur: Ehud Landsberg</t>
  </si>
  <si>
    <t>Vampirina mélange par erreur ses cartes de Saint-Valentin avec ses cartes de Saint-Hurlantin. M. Gore s’absente et Oxana décide de le remplacer.</t>
  </si>
  <si>
    <t>FR34600-HDTX</t>
  </si>
  <si>
    <t>16:00:00</t>
  </si>
  <si>
    <t>Un chaton polisson/Une livraison de poids</t>
  </si>
  <si>
    <t>Lors de leur premier jour, Pipou et Freddy livrent un chaton qui les prend pour ses parents. Lorsqu'une baleine de près de deux tonnes et prête à être livrée, les livreurs s'affrontent dans une épreuve de vol afin de déterminer qui sera capable d'effectuer cette livraison.</t>
  </si>
  <si>
    <t>FR72084-HDTX</t>
  </si>
  <si>
    <t>16:30:00</t>
  </si>
  <si>
    <t>Vampirina S2</t>
  </si>
  <si>
    <t>Vampirina est un petit vampire. Avec ses parents, elle a quitté la Transylvanie pour s’installer en Pennsylvanie et doit apprendre à vivre parmi les humains.</t>
  </si>
  <si>
    <t>FR64485-HDTX</t>
  </si>
  <si>
    <t>17:00:00</t>
  </si>
  <si>
    <t>Les Pyjamasques sauvent Noël</t>
  </si>
  <si>
    <t>Découvrant qu'il est sur la liste des enfants méchants et qu'il ne recevra pas ce qu'il a demandé à Noël, Roméo décide de ruiner Noël pour tous le monde. Les Pyjamasques doivent aider le Père Noël et sauver Noël!</t>
  </si>
  <si>
    <t>FR68537-HDTX</t>
  </si>
  <si>
    <t>17:30:00</t>
  </si>
  <si>
    <t>PRINCESSE SOFIA : LA MALÉDICTION DE PRINCESSE EVA</t>
  </si>
  <si>
    <t>Réalisateur: Jamie Mitchell</t>
  </si>
  <si>
    <t>Ambre vole l'amulette de Sofia et se retrouve victime d'un mauvais sort. La méchante Eva apparait et menace Enchancia. Grâce à Raiponce, Ambre parvient à réparer son erreur.</t>
  </si>
  <si>
    <t>44min</t>
  </si>
  <si>
    <t>FR32787-HDTX</t>
  </si>
  <si>
    <t>18:30:00</t>
  </si>
  <si>
    <t>LA GARDE DU ROI LION</t>
  </si>
  <si>
    <t>La Rivière de Patience</t>
  </si>
  <si>
    <t>Pendant que Kion guérit à l'Arbre de Vie, Makucha, Chuluun et Ora attaquent. Kion veut défendre l'Arbre au plus vite, mais il doit se concentrer et apprendre à être patient pour guérir complètement.</t>
  </si>
  <si>
    <t>FR85781-HDTX</t>
  </si>
  <si>
    <t>PRINCESSE SOFIA</t>
  </si>
  <si>
    <t>Cédric à l'épreuve</t>
  </si>
  <si>
    <t>Quand Ambroise vole la couronne de Grimhilde, une des 9 Merveilles, Sofia aide Cédric à la retrouver afin qu'il puisse regagner la confiance du roi.</t>
  </si>
  <si>
    <t>FR31564-HDTX</t>
  </si>
  <si>
    <t>19:30:00</t>
  </si>
  <si>
    <t>Les Inventions de Gwen</t>
  </si>
  <si>
    <t>Sofia rencontre, Gwen, une jeune cuisinière qui invente des ustensiles de cuisine. Dofia va l’encourager à développer ses inventions. Grâce à elle, Gwen deviendra l’inventrice officielle d’Enchancia.</t>
  </si>
  <si>
    <t>FR30621-HDTX</t>
  </si>
  <si>
    <t>Ninjaka a volé la coupe des super-champions. Il met nos trois héros au défi : celui qui remportera trois épreuves pourra gagner la Coupe. Yoyo veut tellement l'avoir qu'il prend tous les risques. Sauf que parfois, il vaut mieux aller lentement mais sûrement, que risquer de voir filer la victoire. / Sorceline vole le caillou fétiche de Gluglu et s'en sert pour rendre son Aimant-Lune encore plus puissant... tellement puissant qu'il pourrait littéralement décrocher la lune ! Pour éviter le désastre, Gluglu va devoir apprendre à ne pas trop s'attacher aux choses, toutes fétiches qu'elles soient...</t>
  </si>
  <si>
    <t>Yoyo veut aller trop vite en besogne pour arrêter les boules Scintilunes de Sorceline, au point que Gluglu et Bibou n’arrivent plus à suivre son rythme./ Bibou réalise que faire partie d’une équipe veut aussi dire conseiller Yoyo et Gluglu pour vaincre Ninjaka, qui a entrainé ses Ninjazouaves au Kung-fu-football.</t>
  </si>
  <si>
    <t>A cause d’une des inventions de Roméo, le lézard de Gluglu, Lionel, est transformé en gigantesque monstre qui détruit tout sur son passage. Yoyo et Bibou veulent que Gluglu traite Lionel comme un monstre mais il sait bien qu’il est toujours son compagnon, peu importe sa taille./Au cours d’une mission pour empêcher Roméo de transformer toutes les peluches en mini-lui,Yoyo avoue à Bibou et Gluglu qu’il a lui aussi un doudou.</t>
  </si>
  <si>
    <t>Air Archie / L'imitateur</t>
  </si>
  <si>
    <t>Archie l’archéoptéryx ne sait pas voler. Il aimerait tant ! Il demande à Mazu de l’aider et elle accepte. Bricolages à base d’ailes en nénuphars géants, musculation… Archie passe par toutes les possibilités pour améliorer ses ailes et son vol. Rien n’y fait ! / Rocky est le fan n°1 de Giganto. Il l’observe pour essayer d’être comme lui. Mais quand Marshall, le jeune stégosaure, se met à suivre Rocky partout pour faire comme lui, ça énerve Rocky. Il ne se rend pas compte que Marshall l’admire, comme Rocky admire Giganto !</t>
  </si>
  <si>
    <t>FR65959-HDTX</t>
  </si>
  <si>
    <t>Le plus grand des héros / Un éclair de génie</t>
  </si>
  <si>
    <t>Rocky est jaloux : Tiny a sauvé leur repaire d’un gros rocher roulant, et maintenant c’est l’héroïne de la jungle ! Il n’arrive pas à trouver quelqu’un dont être le héros, quelqu’un qui lui confierait une noble tâche ou juste une petite tâche à effectuer pour aider. / Le jour des grands vents, Mazu arrive toujours la dernière pour déguster les noix qui tombent des noyers géants. Par contre, elle en a dans le crâne, et elle travaille sur plusieurs systèmes pour aller plus vite : échasses, ressorts, coaching de ses amis. Mais rien n’y fait. Elle va encore être la dernière,</t>
  </si>
  <si>
    <t>FR65960-HDTX</t>
  </si>
  <si>
    <t>22:30:00</t>
  </si>
  <si>
    <t>Interdiction de cueillir les fleurs / Sans blague !</t>
  </si>
  <si>
    <t>Bill goûte à une fleur du marais : c’est siiiiiiii bon ! Mazu le met en garde : il ne faut pas en manger plus, car sinon cela dérangerait l’écosystème. Mais Bill n’écoute pas. Il y a plein de fleurs !! En prendre un peu plus (et un peu plus, et un peu plus) ne devrait pas être un problème… si ? / Tiny se sent un peu négligée par ses amis qui n’écoutent plus ses blagues. Dilo par contre, est toujours prêt à rire de tout. Avec lui, Tiny décide de se rendre au sommet du Mont de l’Oubli pour y raconter la meilleure blague du monde à tout Crétacia !</t>
  </si>
  <si>
    <t>FR65961-HDTX</t>
  </si>
  <si>
    <t>23:30:00</t>
  </si>
  <si>
    <t>Les Pyjamasques rencontrent Flamme Rouge - Partie 1/Les Pyjamasques rencontrent Flamme Rouge - Partie 2</t>
  </si>
  <si>
    <t>Ninjaka vole un ancien parchemin et le Gong au Dragon au musée et les emporte à la montagne mystèrieuse avec l'espoir de libérer le Dragon pour l'aider à percer les secrets de la montagne, gagner plus de pouvoir, et vaincre les Pyjamasques. Il libère la fille Dragon, Flamme Rouge, une petite fille Maitre Dragon et gardienne de la montage mystère condamnée à rester prisonière du Gong). En la libérant, Ninjaka accède à l'intérieur du temple de la montagne mystérieuse. Mais Les Pyjamasques vont empêcher Ninjaka de libérer la magie de la montagne.</t>
  </si>
  <si>
    <t>FR68523-HDTX</t>
  </si>
  <si>
    <t>LES NUITS DE Disney Junior France</t>
  </si>
  <si>
    <t>Les canards de Donald</t>
  </si>
  <si>
    <t>Réalisateur: Vic Cook, Réalisateur: Donovan Cook, Réalisateur: Rob LaDuca, Réalisateur: Sherie Pollack, Interprète: They Might Be GiantsRéalisateur: Vic Cook, Réalisateur: Donovan Cook, Réalisateur: Rob LaDuca, Réalisateur: Sherie Pollack, Interprète: They Might Be Giants</t>
  </si>
  <si>
    <t>Donald &amp; Mickey aident des petits canards à regagner la plage grâce à leurs amis et leurs outils.</t>
  </si>
  <si>
    <t>FR30680-HDTX</t>
  </si>
  <si>
    <t>L'abeille de Minnie</t>
  </si>
  <si>
    <t>63</t>
  </si>
  <si>
    <t>Mickey et ses amis aident BizBiz l'abeille à retourner sur sa fleur préférée, malgré la mauvaise volonté de Donald. Tout rentre dans l'ordre quand Donald et l'abeille deviennent amis à leur tour.</t>
  </si>
  <si>
    <t>FR30681-HDTX</t>
  </si>
  <si>
    <t>Giganto au frigo / Trésor !</t>
  </si>
  <si>
    <t>Bill en assez de Giganto, qui lui fait peur, casse tout sur son passage, et ne dit pas merci. Il aimerait ne plus le voir ! Mais attention à ce que vous souhaitez… Giganto semble soudain avoir disparu de Crétacia ! En son absence, les choses tournent mal... / Tiny, Bill, Rocky et Mazu trouvent un étrange caillou, lisse et luisant : un morceau d’ambre. C’est joli ! Chacun a envie de le posséder : Tiny pour sa dernière œuvre d’art, Mazu pour sa dernière invention, etc. Ce qui commence comme une petite compétition devient rapidement une course au trésor. Tout Crétacia veut posséder l’ambre !!</t>
  </si>
  <si>
    <t>FR65963-HDTX</t>
  </si>
  <si>
    <t>T.O.T.S. S1 Ep 25</t>
  </si>
  <si>
    <t>FR72101-HDTX</t>
  </si>
  <si>
    <t>Le Médecin</t>
  </si>
  <si>
    <t>Honey n'en finit plus d'attendre son tour chez le Docteur Bingo car d'autres patients présentant des symptômes plus intéressants passent avant elle. Bluey, la réceptionniste, l'invite à patienter, car les autres malades sont vraiment des cas !</t>
  </si>
  <si>
    <t>FR79388-HDTX</t>
  </si>
  <si>
    <t>La Pince</t>
  </si>
  <si>
    <t>Bluey et Bingo n'ayant pu attraper des lots de la machine à Pince Magique, Papa et Maman créent leur propre version à la maison. Mais avec Papa, il n'est pas facile de gagner !</t>
  </si>
  <si>
    <t>FR79389-HDTX</t>
  </si>
  <si>
    <t>La Piscine</t>
  </si>
  <si>
    <t>En préparant leurs affaires pour aller à la psicine, Bluey et Papa se moquent de Maman car ils la trouvent excessive dans son organisation. Mais en arrivant à la piscine, ils réalisent qu'elle avait raison, puisqu'ils ont oublié beaucoup d'objets importants.</t>
  </si>
  <si>
    <t>FR83647-HDTX</t>
  </si>
  <si>
    <t>Le Chariot</t>
  </si>
  <si>
    <t>Papa emmène Bluey et Bingo au parc dans un petit chariot. Bluey est pressée d'aller faire le parcours des anneaux et s'énerve car Papa s'arrête en chemin pour bavarder avec les voisins.</t>
  </si>
  <si>
    <t>FR79395-HDTX</t>
  </si>
  <si>
    <t>Taxi</t>
  </si>
  <si>
    <t>Il pleut et Bluey joue au taxi à l'intérieur. Son premier client (Papa) est un homme d'affaires pressé qui veut aller à l'aéroport sans tarder. Bingo lui promet d'y arriver sans retard mais prend en charge un second passager, une dame fortunée (Bingo) et sa fille Millicent (Floppy). Pendant que SATVAV (Maman) les balade de rond-point en rond-point Millicent vomit partout et le taxi tombe en panne. Papa décide de se rendre à pied à l'aéroport. Il arrive juste à temps pour embarquer et découvre que la dame du taxi est aussi passagère et que le pilote n'est autre que Bluey !</t>
  </si>
  <si>
    <t>FR79396-HDTX</t>
  </si>
  <si>
    <t>La Plage</t>
  </si>
  <si>
    <t>A la plage, Maman part se promener au bord de l'eau, et Bluey tente de la rattraper. En chemin, elle fait toute une série de rencontres qui la stimulent et la mettent à l'épreuve dans cette toute première aventure en solitaire.</t>
  </si>
  <si>
    <t>FR79397-HDTX</t>
  </si>
  <si>
    <t>Le labo méli-mélo de Mickey / Concours de Bénévoles</t>
  </si>
  <si>
    <t>Après les manipulations de Tic et Tac sur le labo mobile de Mickey, tous les pilotes se retrouvent avec des bolides plutôt farfelus. Nettoyer les vitres devient l'objet d'une compétition acharnée entre Minnie et Daisy.</t>
  </si>
  <si>
    <t>FR82270-HDTX</t>
  </si>
  <si>
    <t>FANCY NANCY CLANCY</t>
  </si>
  <si>
    <t>Nancy, La Poète / Une nouvelle meilleure amie</t>
  </si>
  <si>
    <t>Réalisateur: Krista TuckerRéalisateur: Krista Tucker</t>
  </si>
  <si>
    <t>En participant à un concours de poésie, Nancy découvre l'angoisse de la page blanche ! Lorsque Jojo remet par erreur à Grace la carte de Joyeuse Saint Valentin que Nancy réservait à Bree, Grace croit qu'elle est devenue sa meilleure amie !</t>
  </si>
  <si>
    <t>FR61993-HDTX</t>
  </si>
  <si>
    <t>Au revoir, Jean Claude / Nancy joue les espionnes</t>
  </si>
  <si>
    <t>Quand le poisson rouge de la famille meurt, Nancy doit affronter son chagrin. Quand Nancy espionne ses parents, elle croit comprendre qu'ils vont abandonner leur chien !</t>
  </si>
  <si>
    <t>FR61994-HDTX</t>
  </si>
  <si>
    <t>Nancy cherche la petite bête/ Nancy lit dans les pensées des animaux</t>
  </si>
  <si>
    <t>Nancy a du mal à accepter la passion peu raffinée que Bree nourrit pour les insectes. Nancy croit pouvoir lire dans les pensées des animaux.</t>
  </si>
  <si>
    <t>FR61995-HDTX</t>
  </si>
  <si>
    <t>Les aventures incroyables de Mamie et Papie / Le concours de danse</t>
  </si>
  <si>
    <t>Nancy apprend à apprécier ses grands-parents au cours de l'une de leurs visites. Nancy devient la partenaire de danse de Grand-Père pour un concours de danse de salon.</t>
  </si>
  <si>
    <t>FR61997-HDTX</t>
  </si>
  <si>
    <t>La malade imaginaire / La super marelle</t>
  </si>
  <si>
    <t>Nancy joue les malades, mais elle le regrette car elle risque de manquer une fête familiale. Nancy affronte Rhonda et Wanda pour déterminer qui est la championne de marelle !</t>
  </si>
  <si>
    <t>FR61999-HDTX</t>
  </si>
  <si>
    <t>Le faux pas de Nancy / Héroïne mais toute seule</t>
  </si>
  <si>
    <t>Nancy devient jalouse de l’amitié entre Bree et sa copine de colo. Nancy rêve d’être la star du quartier en retrouvant un chaton perdu.</t>
  </si>
  <si>
    <t>FR62000-HDTX</t>
  </si>
  <si>
    <t>Valérie, la Walkyrie / A la poursuite du Bouledogue !</t>
  </si>
  <si>
    <t>Valérie s'auto-proclame super-héroïne et devient : Valkyrie ! Le Chef Toquenfonte essaye encore de voler le livre de recettes de famille du Bulldog Café.</t>
  </si>
  <si>
    <t>FR79568-HDTX</t>
  </si>
  <si>
    <t>Vampirina, la ballerine / La Chasse au trésor</t>
  </si>
  <si>
    <t>Réalisateur: Ehud Landsberg, Réalisateur: Leigh Fieldhouse</t>
  </si>
  <si>
    <t>Vampirina décide de participer au ballet organisé par l'école : le Lac des Cygnes. Demi trouve une carte hantée dans les coussins du canapé de la maison des Hantley. Vampirina et ses amis vont tenter de mettre la main sur un trésor.</t>
  </si>
  <si>
    <t>FR34602-HDTX</t>
  </si>
  <si>
    <t>Un adorable panda/ Une odeur problématique</t>
  </si>
  <si>
    <t>Pipou et Freddy doivent livrer un bébé panda tellement mignon qu'il est très difficile pour eux de lui dire "au revoir". La situation se complique pour nos livreurs débutants quand ils doivent livrer un bébé moufette qui ne sent pas très bon.</t>
  </si>
  <si>
    <t>FR72095-HDTX</t>
  </si>
  <si>
    <t>Poa le Destructeur</t>
  </si>
  <si>
    <t>En explorant les alentours de l'Arbre de Vie pour se faire de nouveaux amis, Beshte effraie les animaux sans le vouloir.</t>
  </si>
  <si>
    <t>FR63874-HDTX</t>
  </si>
  <si>
    <t>Le spectacle des sirènes</t>
  </si>
  <si>
    <t>108</t>
  </si>
  <si>
    <t>Au cours d'une viste à Merroway Cove, Sofia doit percer le mystère d'une protectrice disparue et d'un tourbillon sous-marin.</t>
  </si>
  <si>
    <t>FR31565-HDTX</t>
  </si>
  <si>
    <t>L'Autre Sofia</t>
  </si>
  <si>
    <t>Réalisateur: Mircea Mantta, Réalisateur: Jamie Mitchell</t>
  </si>
  <si>
    <t>Afin de pouvoir être à la fois au château pour assurer une visite guidée des lieux et participer au festival de danse, Sofia utilise une formule magique pour se dédoubler. Elle crée sans le vouloir une méchante Sofia.</t>
  </si>
  <si>
    <t>FR30622-HDTX</t>
  </si>
  <si>
    <t>Romeo transforme tout le monde en bébés et Gluglu doit surveiller ses deux partenaires Minibou et Petit Chat en même temps qu’il sauve le monde./Bibou doit mettre de côté sa jalousie afin d’aider Sorceline à récupérer son aérolune et son luna magnet, volés par Roméo.</t>
  </si>
  <si>
    <t>Yoyo et la nuit du chat / Yoyo et le Rembobinateur</t>
  </si>
  <si>
    <t>Yoyo entends parler d’un moyen d’augmenter ses pouvoirs et demande à Gluglu et Bibou de l’aider. Mais il s’agit en fait d’une ruse de Sorceline qui piège Yoyo dans une Lunaroue. Avec l’aide de Gluglu et Bibou, Yoyo est libéré et réalise qu’il a lui-même amélioré ses pouvoirs./ Yoyo devient la cible d’une télécommande maléfique créée par Roméo et qui permet de rembobiner tout ce qui se passe pendant une nuit sans fin.</t>
  </si>
  <si>
    <t>FR43072-HDTX</t>
  </si>
  <si>
    <t>Gluglu et les Papi-Ninjas / Bibou et la chasse au trésor</t>
  </si>
  <si>
    <t>Les vilains acolytes, ninjazouaves et papilunes, s’associent pour devenir un seul super méchant. Gluglu apprend alors à laisser de côté son orgueil et à travailler main dans la main avec Bibou et Yoyo (et aussi un peu avec Sorceline et Ninjaka) afin d’arrêter cette nouvelle équipe démoniaque./Lors d’une chasse au trésor, During a scavenger hunt, Bibou est dupée par Ninjaka pour trouver à sa place les ingrédients nécessaires à sa nouvelle invention maléfique, les Comètes collantes, qu’il prévoit d’uitliser sur le quartier general.</t>
  </si>
  <si>
    <t>FR43073-HDTX</t>
  </si>
  <si>
    <t>Le rire de Giganto / Dinosia</t>
  </si>
  <si>
    <t>Tiny ne prend jamais rien au sérieux. Mazu prend toujours tout au sérieux. Forcément, parfois, ça accroche. Et quand Giganto a une rage de dents, les deux doivent s’accorder pour lui venir en aide ! / Nos quatre héros en ont marre de Crétacia : Mazu n’a plus rien à découvrir, Rocky n’a plus de challenges, Bill a déjà goûté à tout et tout le monde connaît le répertoire de blagues de Tiny. Ayati leur raconte alors la légende de Dinosia, une terre merveilleuse qui satisfera à tous leurs désirs. « Suivez les étincelles ! » C’est un peu maigre comme indication, mais les 4 dinos se mettent en route.</t>
  </si>
  <si>
    <t>FR65939-HDTX</t>
  </si>
  <si>
    <t>Invisi-Bill / Patchy voit clair</t>
  </si>
  <si>
    <t>Bill n’est pas doué à cache-cache. Pour lui faire plaisir, ses amis prétendent qu’il est invisible. Bill est trop content : s’il est invisible, il a le courage de devenir un justicier pour les petits dinos de Crétacia ! Et il file avec son nouveau « pouvoir ». Mais ça pourrait mal tourner... / Quand Patchy semble avoir du mal à repérer les obstacles sur sa route, Mazu lui invente… une paire de lunettes rudimentaires. Mais Patchy n’en veut pas. Mazu insiste : ça l’aiderait vraiment ! Mais il s’enfuit et Mazu ne comprend pas où est le problème. Ses lunettes sont pourtant très bien !</t>
  </si>
  <si>
    <t>FR72406-HDTX</t>
  </si>
  <si>
    <t>Les contes du Gigantosaurus / Petit Bill deviendra grand</t>
  </si>
  <si>
    <t>Mazu tente de construire une tour gigantesque. C’est déjà assez difficile comme ça, mais en plus ses amis débarquent surexcités pour lui raconter une histoire EXTRAORDINAIRE qu’ils ont tous vécue avec Giganto à l’instant. Mazu les écoute, mais rapidement elle se rend compte qu’aucun n’a la même version des faits. / Bill voudrait être grand pour ne plus avoir peur. Ayati lui parle d’un dino mystère qui détient le secret pour devenir grand. Bill se met immédiatement en quête, suivi de ses amis.</t>
  </si>
  <si>
    <t>FR65941-HDTX</t>
  </si>
  <si>
    <t>Yoyo et la Grande Course des méchants/ Yoyo et les Ninja-pirates</t>
  </si>
  <si>
    <t>Le Chat-bolide a été volé par Roméo et pour le récupérer, Yoyo doit faire une course contre Sorceline, Ninjaka et les Farfeloups. Face à ses rivaux et craignant qu'il ne perde sa précieuse voiture pour toujours, la tentation de tricher devient grande. / Ninjaka vole à nouveau le char des pirates et refait surface sous son surnom de Pirate Ninja, assiégeant les canaux de la ville. L'excès de confiance de Gluglu et Bibou joue en faveur de Ninjaka ; ce n'est que lorsqu'ils incluent Yoyo dans leurs plans et travaillent en équipe qu'ils peuvent réussir.</t>
  </si>
  <si>
    <t>FR68524-HDTX</t>
  </si>
  <si>
    <t>Mickey sauve Noël</t>
  </si>
  <si>
    <t>Réalisateur: Rob LaDuca, Interprète: They Might Be GiantsRéalisateur: Rob LaDuca, Interprète: They Might Be Giants</t>
  </si>
  <si>
    <t>Mickey et ses amis font leur liste de cadeaux au père Noël.</t>
  </si>
  <si>
    <t>FR30238-HDTX</t>
  </si>
  <si>
    <t>Les cinq énigmes de Mickey</t>
  </si>
  <si>
    <t>65</t>
  </si>
  <si>
    <t>Réalisateur: Sherie Pollack, Réalisateur: Rob LaDuca, Réalisateur: Vic Cook, Réalisateur: Donovan Cook, Interprète: They Might Be GiantsRéalisateur: Vic Cook, Réalisateur: Donovan Cook, Réalisateur: Rob LaDuca, Réalisateur: Sherie Pollack, Interprète: They Might Be Giants</t>
  </si>
  <si>
    <t>Mickey a prévu de faire une grande surprise à ses amis.</t>
  </si>
  <si>
    <t>FR30649-HDTX</t>
  </si>
  <si>
    <t>Le Xylophone Magique</t>
  </si>
  <si>
    <t>Bluey et Bingo retrouvent un xylophone magique qui a le pouvoir de pétrifier les gens. Elles s'en servent aux dépens de Papa, le figeant dans des positions drôles mais peu flatteuses. Bluey, grisée par ce pouvoir, ne veut pas prêter le xylophone à Bingo malgré les injonctions de Maman. Papa, profitant du conflit entre ses filles, réussit à s'emparer du xylophone et paralyse Bluey dont le seul espoir de libération dépend de Bingo. Les fillettes finissent par s'entendre et collaborent pour récupérer le xylophone magique au grand dam de Papa qui se retrouve à leur merci.</t>
  </si>
  <si>
    <t>FR79379-HDTX</t>
  </si>
  <si>
    <t>07:10:00</t>
  </si>
  <si>
    <t>Le Week-end / Le Barbecue / La Chauve-souris Frugivore</t>
  </si>
  <si>
    <t>Bingo s'énerve lorsque son père ne remarque pas la sauterelle qui marche dans le jardin. Bingo prépare la meilleure salade au monde. Bluey rêve d'être une chauve-souris frugivore nocturne.</t>
  </si>
  <si>
    <t>FR79390-HDTX</t>
  </si>
  <si>
    <t>À cheval / L'Hôtel / Le Vélo</t>
  </si>
  <si>
    <t>Les enfants organisent un mariage à cheval ! Bluey, Bingo et leur papa jouent au jeu "Hôtel." Bluey ne parvient pas à rouler en vélo mais n'abandonne pas.</t>
  </si>
  <si>
    <t>FR79401-HDTX</t>
  </si>
  <si>
    <t>Bob Bilby / Le Jeux d'Espion / La Livraison</t>
  </si>
  <si>
    <t>C'est au tour de Bingo de s'occuper de Bob Bilby, l'animal de compagnie de Kindy. Bingo décide d'arrêter de jouer à un jeu et cela sème la zizanie. Quand on doit patienter, cinq minutes peuvent paraître une éternité.</t>
  </si>
  <si>
    <t>FR79412-HDTX</t>
  </si>
  <si>
    <t>07:40:00</t>
  </si>
  <si>
    <t>Bluey S1 Ep 5</t>
  </si>
  <si>
    <t>Bluey est une petite chienne bouvier australien âgée de six ans et elle est inépuisable. Elle adore jouer et transforme la vie de famille en une aventure quotidienne en y mettant toute son imagination, son intelligence et sa ténacité physique et mentale.</t>
  </si>
  <si>
    <t>FR79423-HDTX</t>
  </si>
  <si>
    <t>07:50:00</t>
  </si>
  <si>
    <t>Le Docteur / La Griffe / Le Marché</t>
  </si>
  <si>
    <t>La visite de Honey chez le Dr Bingo est sans arrêt interrompu. Maman et papa créent leur propre machine à griffe magique ! Bluey emmène avec elle l'argent que la petite souris lui a donné.</t>
  </si>
  <si>
    <t>FR79427-HDTX</t>
  </si>
  <si>
    <t>Bibou, l'oiseau rare / Yoyo tambour battant</t>
  </si>
  <si>
    <t>Réalisateur: Christian De Vita, Réalisateur: Merle-Anne RidleyRéalisateur: Merle-Anne Ridley</t>
  </si>
  <si>
    <t>Roméo parvient à répliquer les pouvoirs de Bibou pour se doter lui-même - ainsi que Gluglu et Yoyo - du pouvoir de voler ! Maintenant que tous autour d'elle en sont capables, Bibou a le sentiment d'avoir perdu ce qui faisait d'elle une personne unique. / Un défilé de chars se prépare en ville pour le carnaval, mais Ninjaka décide d'en faire sa propre 'Ninja Parade'. Il mène ses Ninjazouaves tambour battant - à l'aide d'un tambour volé à Yoyo - pour leur faire repeindre chars et fanions.</t>
  </si>
  <si>
    <t>FR30372-HDTX</t>
  </si>
  <si>
    <t>Pyja-Robot et la Pyja-comète / Bibou et Sorceline contre Roméo</t>
  </si>
  <si>
    <t>PJ Robot persuade les Pyjamasques de se diriger vers une comète - il pense que cela chargera leur Totem transformé en Astrototem d'un nouveau pouvoir. Mais c'est un piège, et s'en échapper réclame encore plus de pouvoirs aux Pyjamasques. /Sorceline taquine Roméo avec ses nouveaux Papinuits surchargés d'énergie de pleine lune. Les Pyjamasques doivent l'arrêter... mais Bibou ne peut s'empêcher de profiter secrètement de ce qui arrive à Roméo....</t>
  </si>
  <si>
    <t>FR68520-HDTX</t>
  </si>
  <si>
    <t>LA MAISON DE MICKEY: UNE SUPER AVENTURE</t>
  </si>
  <si>
    <t>Réalisateur: Rob Laduca/ Sherie Pollack</t>
  </si>
  <si>
    <t>Tous les amis de Mickey jouent aux super héros pour combattre l'Epatant Super Pat et Mégamax, alias Mortimer, leur nouveau voisin.</t>
  </si>
  <si>
    <t>FR31516-HDTX</t>
  </si>
  <si>
    <t>La course au guépard/ Journée d'observation</t>
  </si>
  <si>
    <t>Quand un guépard se promène en liberté chez T.O.T.S., Pipou et Freddy doivent jouer à chat pour l'attraper ! Les livreurs débutants accueillent des cigognes en sortie scolaire et leur expliquent comment livrer des bébés.</t>
  </si>
  <si>
    <t>FR72102-HDTX</t>
  </si>
  <si>
    <t>11:30:00</t>
  </si>
  <si>
    <t>La garderie des tout-petits /Une affaire de lapins</t>
  </si>
  <si>
    <t>KC est malade donc Pipou et Freddy essayent de gérer la garderie à sa place. Lors de la livraison, alors que tous les bébés se sont mélangés, les livreurs débutants trouvent la solution pour tous les identifier.</t>
  </si>
  <si>
    <t>FR72103-HDTX</t>
  </si>
  <si>
    <t>Bibou et les Bibou-zouaves / Gluglu rejette la faute</t>
  </si>
  <si>
    <t>Réalisateur: Christian De Vita, Réalisateur: Merle-Anne Ridley, Réalisateur: Wilson Dos SantosRéalisateur: Merle-Anne Ridley</t>
  </si>
  <si>
    <t>Cette fois, Ninjaka est allé trop loin : ses Ninjazouaves en ont assez de lui, et sont prêts à changer de camp pour travailler pour Bibou ! Mais ces nouveaux acolytes risquent bien de mettre Bibou dans le pétrin si notre héroïne n'apprend pas à être une bonne meneuse d'équipe. / Cameron prête une petite voiture à Greg, mais notre héros n'en prend pas suffisamment soin et finit par la perdre. Les choses se corsent encore quand l'objet réapparaît la nuit... entre les mains de Sorceline ! Refusant de reconnaître ses torts, Gluglu persiste dans une erreur qui pourrait bien lui coûter la victoire.</t>
  </si>
  <si>
    <t>FR30374-HDTX</t>
  </si>
  <si>
    <t>Bibou et la mauvaise graine / Gluglu l'escargot</t>
  </si>
  <si>
    <t>Sorceline se sert de son rayon lunaire pour créer une fleur de lune géante. Lorsque celle-ci viendra à éclore, elle dispersera des graines à travers toute la ville, recouvrant l'endroit de mauvaises herbes ! Refusant de reconnaître son ignorance en matière de botanique, Bibou joue involontairement le jeu de Sorceline, et la menace se rapproche... / Gluglu va devoir apprendre à ne pas se laisser distraire pour empêcher Roméo de conquérir la Terre à l'aide d'un rayon ralentisseur qui fait aller tout le monde à la vitesse d'un escargot !</t>
  </si>
  <si>
    <t>FR30375-HDTX</t>
  </si>
  <si>
    <t>Sorceline abat un dôme géant sur le QG des Pyjamasques, emprisonnant ces derniers dans leur repaire. Elle profite d'avoir le champ libre pour voler tous les objets de la fête de l'école, histoire d'être la seule à danser et à s'amuser ! / Ninjaka menace de détruire la ville avec une "pierre de toute puissance" : celui qui parvient à fendre en deux cet énorme rocher prouvera qu'il est le plus fort de tous ! Les Pyjamasques doivent contrer les plans de Ninjaka, mais malheureusement Gluglu est un peu trop occupé à essayer de broyer le rocher en premier pour prouver que c'est lui, le plus fort...</t>
  </si>
  <si>
    <t>Le Barbecue</t>
  </si>
  <si>
    <t>On déjeune sur la terrasse mais pas de barbecue sans salade ! Bingo ne se reposera pas avant d'avoir trouvé les poivrons de toutes les couleurs que lui réclament ses cousines pour la meilleure des salades. Elle va cueillir des plantes vertes, elle prend des pétales de fleurs jaunes et va chercher des fleurs de flamboyant. Mais elle ne peut toujours pas se reposer car elle doit faire une sauce pour la salade ! Après s'être débattue avec le tuyau d'arrosage, Bingo est pleine de boue et quand elle fini, elle a compris que la bonne cuisine nécessite beaucoup de travail.</t>
  </si>
  <si>
    <t>FR79428-HDTX</t>
  </si>
  <si>
    <t>Les Espions</t>
  </si>
  <si>
    <t>Quand Bingo cesse de jouer au jeu d'espions de Bluey, les stratagèmes pour contrôler les adultes ne fonctionnent plus ! Bluey comprend l'importance de Bingo et doit la convaincre de reprendre le jeu.</t>
  </si>
  <si>
    <t>FR79383-HDTX</t>
  </si>
  <si>
    <t>15:10:00</t>
  </si>
  <si>
    <t>Plats à emporter</t>
  </si>
  <si>
    <t>Obligées d'attendre leur commande à emporter cinq minutes devant un restaurant, Bluey et Bingo font exprès de s’agiter, poussant à bout la patience de Papa.</t>
  </si>
  <si>
    <t>FR79384-HDTX</t>
  </si>
  <si>
    <t>15:20:00</t>
  </si>
  <si>
    <t>Papillons</t>
  </si>
  <si>
    <t>Le jeu des papillons est très amusant au jardin, mais Bluey part avec Judo, laissant Bingo toute seule. La pauvre Bingo est malheureuse et Bluey doit se racheter.</t>
  </si>
  <si>
    <t>FR79385-HDTX</t>
  </si>
  <si>
    <t>15:40:00</t>
  </si>
  <si>
    <t>Calypso</t>
  </si>
  <si>
    <t>À l'école, Bluey et ses amis organisent différents jeux. Calypso, leur maîtresse, veille au bon déroulement avec un mot sage, une chanson ... pour tous, sauf le mystérieux Pretzel.</t>
  </si>
  <si>
    <t>FR79387-HDTX</t>
  </si>
  <si>
    <t>15:50:00</t>
  </si>
  <si>
    <t>Bluey S1 Ep 20</t>
  </si>
  <si>
    <t>6min</t>
  </si>
  <si>
    <t>FR79391-HDTX</t>
  </si>
  <si>
    <t>16:20:00</t>
  </si>
  <si>
    <t>Les Montagnes bleues</t>
  </si>
  <si>
    <t>Bluey, Bingo, Maman and Papa jouent aux marionnettes, explorant la terre au-delà des Montagnes bleues où ils déjouent le Renard effronté pour trouver les lits les plus doux du monde.</t>
  </si>
  <si>
    <t>FR79392-HDTX</t>
  </si>
  <si>
    <t>Les alliances magiques / Le concours de sculpture</t>
  </si>
  <si>
    <t>Le mariage des Frankenstein se tient chez les Hantley et Vampirina a le rôle le plus important : elle doit garder le coffret contenant les alliances magiques des futurs mariés. / Vampirina inscrit Gregoria à un concours de sculptures transylvanien et elle décide de prendre pour modèle la famille au complet. Malheureusement, au moment de poser, Vampirina fait une crise de cheveux-souris.</t>
  </si>
  <si>
    <t>FR64472-HDTX</t>
  </si>
  <si>
    <t>18:00:00</t>
  </si>
  <si>
    <t>Gluglu se retrouve accidentellement agrandi en taille maxi tandis que Sorceline essaie de voler les chars du carnaval. Notre héros tente de stopper la méchante, mais fait maxi bourde sur maxi bourde ! Gluglu va devoir apprendre à réparer ses bêtises pour éviter que Sorceline ne devienne la reine du défilé. / Ninjaka vole des avions au salon aéronautique pour prouver qu'il est le plus grand pilote de tous les temps. Bibou échoue une première fois à arrêter le méchant, un échec qui lui fait perdre confiance... Notre héroïne va devoir croire à nouveau en elle pour sauver la mise aux Pyjamasques.</t>
  </si>
  <si>
    <t>Le Lac de la Réflexion</t>
  </si>
  <si>
    <t>Alors que Kion doute de ses capacités de chef, le Lac de la Réflexion lui montre la Garde plus jeune, ce qui aide Kion à mieux assumer son passé, et son rôle de chef.</t>
  </si>
  <si>
    <t>FR82997-HDTX</t>
  </si>
  <si>
    <t>Le cadeau idéal</t>
  </si>
  <si>
    <t>Sofia aide un jeune faune à annuler un sort tandis que la Princesse Tiana lui apprend que les véritables cadeaux viennent du cœur.</t>
  </si>
  <si>
    <t>FR30634-HDTX</t>
  </si>
  <si>
    <t>DOCTEUR LA PELUCHE : L’HÔPITAL DES JOUETS</t>
  </si>
  <si>
    <t>Le diagnostic / La première de Katie Karaoké</t>
  </si>
  <si>
    <t>Réalisateur: Brónagh O'Hanlon, Réalisateur: Dan NosellaRéalisateur: Dan Nosella</t>
  </si>
  <si>
    <t>Les étudiants en médecine apprennent à établir un diagnostic. / Les jouets s'occupent de Katie Karaoké, une poupée qui chante.</t>
  </si>
  <si>
    <t>FR31295-HDTX</t>
  </si>
  <si>
    <t>20:10:00</t>
  </si>
  <si>
    <t>Le magasin</t>
  </si>
  <si>
    <t>La marchande est le jeu favori de Bluey et ses amis, quand ils peuvent commencer ! Avec Bluey qui remet en question les règles et change les rôles, ça pourrait durer toute la journée !</t>
  </si>
  <si>
    <t>FR79394-HDTX</t>
  </si>
  <si>
    <t>20:20:00</t>
  </si>
  <si>
    <t>Une parfaite petite assistante / Un caméléon coloré</t>
  </si>
  <si>
    <t>Pipou et Freddy doivent livrer et chaton mais ils pensent faire erreur car il n'y a pas de chats chez T.O.T.S. Les livreurs débutants doivent livrer un caméléon qui n'arrête pas de disparaître. Customize</t>
  </si>
  <si>
    <t>FR72104-HDTX</t>
  </si>
  <si>
    <t>Votez Vampirina / Où est passé Pilou ?</t>
  </si>
  <si>
    <t>Vampirina est candidate pour être déléguée de classe. / Poppy, qui veut un lapin, doit s’occuper de Pilou pour prouver à sa mère qu’elle est capable de prendre soin d’un animal.</t>
  </si>
  <si>
    <t>FR64473-HDTX</t>
  </si>
  <si>
    <t>Le jour le plus court / Mazu est toujours prête</t>
  </si>
  <si>
    <t>C’est le jour le plus court. Rocky, Mazu, et Bill font la tête : c’est nul ! Moins de lumière, moins de fun, moins de jeux ! Alors Tiny prend sur elle et leur montre que c'est un jour merveilleux. Et elle invite tout Crétacia (même Giganto, oui oui !) à une grande fête au Glacier. / Pendant que Mazu essaye par tous les moyens de se préparer à voir sa comète, tout le monde dans Crétacia semble avoir besoin de son aide… Même Giganto ! Est-ce qu’elle arrivera à temps pour observer la comète ? C’est maintenant à son tour d’avoir besoin d’aide !</t>
  </si>
  <si>
    <t>FR65955-HDTX</t>
  </si>
  <si>
    <t>Dingo fait de la magie</t>
  </si>
  <si>
    <t>Réalisateur: Rob LaDuca, Réalisateur: Sherie Pollack, Interprète: They Might Be GiantsRéalisateur: Rob LaDuca, Réalisateur: Sherie Pollack, Interprète: They Might Be Giants</t>
  </si>
  <si>
    <t>Mickey et ses amis aident Dingo à retrouver ses objets, perdus suite à son tour de magie qui n'a pas fonctionné comme prévu...</t>
  </si>
  <si>
    <t>FR31270-HDTX</t>
  </si>
  <si>
    <t>La sauterelle de Daisy</t>
  </si>
  <si>
    <t>67</t>
  </si>
  <si>
    <t>Mickey et ses amis aident Daisy à retrouver sa sauterelle Wilbur, dont le professeur doit faire une photo...</t>
  </si>
  <si>
    <t>FR31271-HDTX</t>
  </si>
  <si>
    <t>Les Pirates</t>
  </si>
  <si>
    <t>Bluey, Bingo et Missy jouent aux pirates dans le hamac, c’est l’aventure en haute mer. Mais il leur faudra du courage pour braver tempêtes et attaques de baleines.</t>
  </si>
  <si>
    <t>FR79398-HDTX</t>
  </si>
  <si>
    <t>Les Grands-mères</t>
  </si>
  <si>
    <t>Bingo et Bluey s'amusent beaucoup à jouer aux grands-mères jusqu'à ce que la question de savoir si ces dernières peuvent danser le Swing les oppose. Elles appellent Nana pour avoir la réponse.</t>
  </si>
  <si>
    <t>FR79399-HDTX</t>
  </si>
  <si>
    <t>Bluey S1 Ep 29</t>
  </si>
  <si>
    <t>FR79400-HDTX</t>
  </si>
  <si>
    <t>Bluey S1 Ep 30</t>
  </si>
  <si>
    <t>FR79402-HDTX</t>
  </si>
  <si>
    <t>Bibou et le Professeur Ninja / Yoyo et le robot cassé</t>
  </si>
  <si>
    <t>Ninjaka hypnotise et kidnappe le professeur des Pyjamasques - mais comment vont-il faire pour le récupérer ? / Lors d'une course poursuite entre Roméo et les Pyjamasques, Robot est abimé et tombe inerte sur le côté. Obnubilés par leur mission, les Pyjamasques décident de le réparer plus tard, mais ils ne réalisent pas que PJ Robot est vraiment contrarié par cette décision. PJ Robot se met alors en route pour réparer Robot tout seul .... sans se rendre compte qu'il tombe dans un piège....</t>
  </si>
  <si>
    <t>FR68521-HDTX</t>
  </si>
  <si>
    <t>LA MAISON DE MICKEY: CAPITAINE MICKEY ET LES PIRATES</t>
  </si>
  <si>
    <t>Réalisateur: Donovan Cook</t>
  </si>
  <si>
    <t>Mickey et ses amis aident le grand-père de Dingo, le capitaine Barbe-Dingo à retrouver son trésor.</t>
  </si>
  <si>
    <t>FR31524-HDTX</t>
  </si>
  <si>
    <t>Avec ou sans rayures / Une livraison qui fait plouf !</t>
  </si>
  <si>
    <t>Pipou et Freddy essayent de trouver de quelle espèce est l'animal mystérieux qu'ils doivent livrer. Les livreurs débutants se retrouvent malheureusement avec une fuite dans la caisse du bébé pieuvre qu'ils doivent livrer.</t>
  </si>
  <si>
    <t>FR72105-HDTX</t>
  </si>
  <si>
    <t>Vol de nuit / Pingouin glissant</t>
  </si>
  <si>
    <t>Freddy doit surmonter sa peur du noir car Pipou et lui doivent effectuer leur première livraison de nuit. Pipou voudrait que la prochaine livraison soit rapide mais ils doivent livrer un bébé paresseux !</t>
  </si>
  <si>
    <t>FR72106-HDTX</t>
  </si>
  <si>
    <t>Les dangers du hoquet / La grande course avec le robot</t>
  </si>
  <si>
    <t>Le hoquet de Pipou menace la prochaine livraison, il demande donc l'impossible à Freddy : lui faire peur pour que cela cesse. Pipou et Freddy doivent prouver que de vrais livreurs valent mieux qu'un drone cigogne.</t>
  </si>
  <si>
    <t>FR72107-HDTX</t>
  </si>
  <si>
    <t>Gluglu sauve Noël / Le plan glacé de Gluglu</t>
  </si>
  <si>
    <t>Réalisateur: Merle-Anne Ridley, Réalisateur: Christian De VitaRéalisateur: Merle-Anne Ridley</t>
  </si>
  <si>
    <t>C'est la veille de Noël et quelqu'un a volé toutes les décorations du sapin ! Les Pyjamasques enquêtent et découvrent que Sorceline est occupée à dérober tous les cadeaux de Noël… / Les Pyjamasques découvrent que la glace a recouvert la majeure partie de la ville : tout le monde glisse et dérape ! Ils se rendent vite compte qu'encore une fois, c'est Roméo qui est responsable de toute cette pagaille…</t>
  </si>
  <si>
    <t>FR30357-HDTX</t>
  </si>
  <si>
    <t>La course safari-photo / Ici, chaton, chaton, chaton !</t>
  </si>
  <si>
    <t>Mickey et ses amis transforment leurs voitures en leurs animaux préférés pour une course safari-photo dans le parc. Lazlo, le chat du commandant Braque, s'enfuit et les Bénévoles viennent aider pour le retrouver.</t>
  </si>
  <si>
    <t>FR87786-HDTX</t>
  </si>
  <si>
    <t>La randonnée des Louvettes / Monstres et humains</t>
  </si>
  <si>
    <t>Vampirina, Poppy et Bridget partent faire de la randonnée et camper avec les Louvettes de Pennsylvanie. Vampirina espère gagner son badge de randonnée sans avoir recours à la magie. / Une ancienne amie de Vampirina qui habite toujours en Transylvanie, Frankie, vient lui rendre visite et tourner un reportage pour la télévision transylvanienne.</t>
  </si>
  <si>
    <t>FR64474-HDTX</t>
  </si>
  <si>
    <t>Yoyo et la boule de flipper/Yoyo et le Rebondisseur</t>
  </si>
  <si>
    <t>Les Pyjamasques enquêtent sur la disparition mystérieuse d’un boulet de démolition. Ils découvrent que c’est Roméo qui l’a volé pour mener à bien son nouveau projet diabolique : détruire la ville entière en la transformant en flipper géant. / Roméo a encore inventé une machine improbable pour devenir le maître du monde, avant de se la faire voler par Ninjaka. Les deux se provoquent pour savoir qui sera le plus méchant.</t>
  </si>
  <si>
    <t>FR43074-HDTX</t>
  </si>
  <si>
    <t>Le triomphe du Rugissement</t>
  </si>
  <si>
    <t>Une armée de prédateurs prend le contrôle de l'Arbre de Vie et Kion doit parvenir à maîtriser son Rugissement pour chasser les méchants.</t>
  </si>
  <si>
    <t>FR63876-HDTX</t>
  </si>
  <si>
    <t>La Bibliothèque Secrète : Olaf et mademoiselle Ortie</t>
  </si>
  <si>
    <t>Réalisateur: Jamie MitchellRéalisateur: Jamie Mitchell</t>
  </si>
  <si>
    <t>Au lieu de convoquer une princesse, l'amulette de Sofia fait venir Olaf. Ensemble, ils se lancent à la poursuite de Mademoiselle Ortie qui veut voler toutes les fleurs du royaume de Freezenberg.</t>
  </si>
  <si>
    <t>FR30967-HDTX</t>
  </si>
  <si>
    <t>Rosine passe la nuit aux urgences / Partenaires Royaux</t>
  </si>
  <si>
    <t>Réalisateur: Dan Nosella, Réalisateur: Damien O'ConnorRéalisateur: Dan Nosella</t>
  </si>
  <si>
    <t>Son ventre-tirelire s'étant fissuré, Rosine Centime doit passer la nuit à l'hôpital. / Pendant une exploration des terres royales, Sire Kirby décide de faire cavalier seul.</t>
  </si>
  <si>
    <t>FR31297-HDTX</t>
  </si>
  <si>
    <t>Doudou perdu / Creuse toujours</t>
  </si>
  <si>
    <t>Mia perd son doudou, donc Pipou et Freddy partent à sa recherche dans une aventure mouvementée. Mais arriveront-ils à temps ? / Les livreurs voient leur mission compromise quand le chiot qu'ils doivent livrer se met à creuser et à enterrer un tas de choses.</t>
  </si>
  <si>
    <t>FR72085-HDTX</t>
  </si>
  <si>
    <t>Croque Mission / Vidéos à gogo</t>
  </si>
  <si>
    <t>Giovanni Péroné participe à une émission de cuisine pour les humains. / Vampirina et ses amies réalisent de nouvelles vidéos pour Le Bizarroïde qui vont faire le buzz sur internet.</t>
  </si>
  <si>
    <t>FR64475-HDTX</t>
  </si>
  <si>
    <t>Au revoir, Giganto ! Partie 1 / Au revoir, Giganto ! Partie 2</t>
  </si>
  <si>
    <t>Une énorme météorite bouche le cratère du Mont de l’Oubli. Le volcan risque de connaître la pire de ses éruptions ! Tous les dinosaures doivent migrer vers une terre plus sûre. Mazu, Tiny, Rocky et Bill doivent n’emporter avec eux que leur objet favori, et voyager léger. Mais ils ne vont pas se rendre sans combattre ! / Le temps a passé, et Giganto n’est pas revenu. Termy est devenue la reine de Crétacia, et impose ses cours de zumba à tout le monde. Les raptors font ce qu’ils veulent, et Rugo est triste sans son grand copain. Mais nos héros se sont organisés...</t>
  </si>
  <si>
    <t>FR65956-HDTX</t>
  </si>
  <si>
    <t>Le bingo calendrier de Minnie</t>
  </si>
  <si>
    <t>68</t>
  </si>
  <si>
    <t>Mickey et ses amis aident Minnie à retrouver les pages de son bingo calendrier. Elles se sont malheureusement envolées à cause du vent...</t>
  </si>
  <si>
    <t>FR31272-HDTX</t>
  </si>
  <si>
    <t>Pluto, chien des neiges</t>
  </si>
  <si>
    <t>Réalisateur: Vic Cook, Réalisateur: Donovan Cook, Réalisateur: Rob LaDuca, Réalisateur: Sherie Pollack, Interprète: They Might Be GiantsRéalisateur: Rob LaDuca, Réalisateur: Sherie Pollack, Réalisateur: Vic Cook, Réalisateur: Donovan Cook, Interprète: They Might Be Giants</t>
  </si>
  <si>
    <t>Donald et Dingo ont fait un bonhomme de neige.</t>
  </si>
  <si>
    <t>FR30677-HDTX</t>
  </si>
  <si>
    <t>Asperge</t>
  </si>
  <si>
    <t>Bluey demande à quoi servent les bonnes manières. Papa lui explique que c'est ce qui nous différencie des animaux sauvages. Maman donne alors à Bluey une asperge magique qui peut changer les gens en animal de son choix. Ravie de s'affranchir des règles,Bluey transforme sa famille en poulets, souris et suricates mais Maman-lionne veut dévorer le voisin, Papa-morse écrase ses jouets et Bingo-perroquet mange l'asperge, les figeant dans leur aspect bestial ! Finalement, Bluey fait dire "chien" à Bingo et leurs rend forme canine. La sauvagerie n'est peut-être pas si drôle !</t>
  </si>
  <si>
    <t>FR79422-HDTX</t>
  </si>
  <si>
    <t>Shaun</t>
  </si>
  <si>
    <t>Le désir de Bluey et Bingo d'avoir un animal domestique est mis à rude épreuve quand Papa fait apparaître Shaun, un émeu caractériel qui met la maison sens dessus-dessous et refuse d'obéir. Maman conseille à Bluey de rester "calme et maîtresse d'elle" et quand Shaun s'enfuit, Bluey, s'inspirant du conseil, parvient à l'arrêter avec calme et autorité. Une fois que Bluey contrôle Shaun, Papa est pris à son propre jeu et doit obéir à sa fille au doigt et à l'œil ! Le lendemain matin, il est épuisé mais heureux que Shaun soit parti jusqu'à ce que les fillettes lui présentent quatre bébés émeus</t>
  </si>
  <si>
    <t>FR79424-HDTX</t>
  </si>
  <si>
    <t>Papa met Bingo et Bluey au lit</t>
  </si>
  <si>
    <t>Comme maman sort à une fête prénatale, papa se charge de la routine du soir des filles. Mais Maman manque à Bluey, et papa doit sortir tous les jeux qu'il connaît pour divertir ses filles.</t>
  </si>
  <si>
    <t>FR79425-HDTX</t>
  </si>
  <si>
    <t>Bluey S1 Ep 52</t>
  </si>
  <si>
    <t>FR79426-HDTX</t>
  </si>
  <si>
    <t>Gluglu et le ninja-lézard/Bibou et sa nouvelle meilleure amie</t>
  </si>
  <si>
    <t>Lionel mange de la lave collante malencontreusement ramenée de la Montagne Msytérieuse par Gluglu et acquiert des pouvoirs télékinétiques. Glulgu commence à l'entraîner pour en faire son "Super animal". Mais Ninjaka vole Lionel et l'utilise ingénieusement contre les Pyjamasques. /Alors que Sorceline est abandonnée par les Papinuits devant les Pyjamasques, Bibou accepte de devenir sa nouvelle meilleure amie et la laisse entrer dans le QG, sans écouter ses vrais amis Yoyo et Gluglu quand ils l'avertissent que cela pourrait être un piège.</t>
  </si>
  <si>
    <t>FR68522-HDTX</t>
  </si>
  <si>
    <t>LA MAISON DE MICKEY - LE MAGICIEN D'IZZ</t>
  </si>
  <si>
    <t>Réalisateur: Rob LaDuca</t>
  </si>
  <si>
    <t>Alors que Mickey prépare la grande fête de l’amitié, une tornade emmène Minnie et Pluto au Pays d’Izz. Pour rentrer chez eux, ils vont avoir besoin de l’aide du merveilleux magicien d’Izz.</t>
  </si>
  <si>
    <t>2011</t>
  </si>
  <si>
    <t>51min</t>
  </si>
  <si>
    <t>FR31350-HDTX</t>
  </si>
  <si>
    <t>Le temple du tigre / Un anniversaire fantas-cadeau-tique</t>
  </si>
  <si>
    <t>Freddy et Pipou font de leur mieux pour empêcher le prince tigre de se salir. Freddy essaye de trouver le cadeau d'anniversaire parfait pour un bébé qui vient d'arriver.</t>
  </si>
  <si>
    <t>FR72086-HDTX</t>
  </si>
  <si>
    <t>Comme chiens et chats / Un bébé rebondissant</t>
  </si>
  <si>
    <t>Pipou se retrouve coincé dans une caisse avec un bébé kangourou, peut-il l'empêcher de sauter ? Pipou et Freddy tentent d'apprendre à partager à un chien et un chat, pourtant frère et sœur.</t>
  </si>
  <si>
    <t>FR72088-HDTX</t>
  </si>
  <si>
    <t>Petit lion, grand rugissement / Panique porc-épic</t>
  </si>
  <si>
    <t>Pipou et Freddy apprennent à un lion à adapter son rugissement selon s'il est à l'intérieur ou à l'extérieur. Lorsqu'un porc-épic a peur du tube de livraison, KC et les livreurs l'aident à surmonter sa peur.</t>
  </si>
  <si>
    <t>FR72090-HDTX</t>
  </si>
  <si>
    <t>T.O.T.S. S1 Ep 16</t>
  </si>
  <si>
    <t>Bodhi affronte sa peur pour avoir son tout dernier tampon et devenir livreur super expert. Mia s'est mise une épine dans la patte et elle a peur d'avoir mal quand K.C lui retirera.</t>
  </si>
  <si>
    <t>FR72091-HDTX</t>
  </si>
  <si>
    <t>Yoyo et l’Animo-Métamorpho-Zoo / Gluglu et le robot sous-marin</t>
  </si>
  <si>
    <t>Roméo transforme Yoyo en chaton et le confie à Robot. Puis Roméo tend un piège à Bibou, Gluglu, et tous les habitants de la ville, pour pouvoir les transformer, eux aussi, en animaux et devenir le maître du monde ! Mais Robot, très attaché à son nouveau compagnon, ne va pas aider Roméo, bien au contraire. / Quand le sous-marin télécommandé de Greg disparaît mystérieusement sous l’eau, c’est un nouveau défi pour les Pyjamasques ! Roméo veut les attirer sous l'eau ! Gluglu fait tout pour le faire échouer mais il n’ose pas avouer à ses amis qu’il n’est pas du tout à l’aise en milieu aquatique.</t>
  </si>
  <si>
    <t>FR43078-HDTX</t>
  </si>
  <si>
    <t>Roméo contre-attaque / Sorceline et la lune cassée</t>
  </si>
  <si>
    <t>Les Pyjamasques ont hâte d’utiliser leurs nouveaux pouvoirs. L’occasion se présente quand Roméo lance Robot à l’attaque. Tout fonctionne à merveille mais les choses se gâtent quand Robot s'équipe d’une ceinture multi-pouvoirs. Les Pyjamasques se retrouvent enfermés dans une cage... Heureusement, Pyja-Robot veille!/ Les Pyjamasques découvrent que la Lune est en train de se fissurer ! Ils pensent que c'est la faute de Sorceline, mais c'est celle de Roméo et Robot, qui creusent la Lune pour y trouver un cristal. D'abord hésitants, les Pyjamasques font finalement équipe avec Sorceline.</t>
  </si>
  <si>
    <t>FR63062-HDTX</t>
  </si>
  <si>
    <t>La montagne mystérieuse / Les Pyjamasques et le Pyja-prisonnier</t>
  </si>
  <si>
    <t>Les Pyjamasques découvrent que Ninjaka a volé le parchemin qui mène à "l'Anneau de Ninjaptitude". Cet anneau, caché dans la montagne mystérieuse, lui donnerait d'énormes pouvoirs ! Une course-poursuite s'engage vers la montagne et ses nombreux pièges : les Pyjamasques parviendront-ils à couper la route à Ninjaka?/ Toujours en quête du précieux "anneau de Ninjaptitude", Ninjaka et ses Ninjazouaves kidnappent Pyja-Robot ! Pour récupérer leur précieux ami, les pyjamasques devront braver les dangers le la montagne à la place de Ninjaka et lui rapporter l'anneau.</t>
  </si>
  <si>
    <t>FR43080-HDTX</t>
  </si>
  <si>
    <t>Mickey Mouse Mixed-Up Adventures</t>
  </si>
  <si>
    <t>Pluto trouve trois oisillons tombés du nid et devient leur protecteur. C'est la Saint-Valentin et les Bénévoles installent leur boutique d'accessoires de fête.</t>
  </si>
  <si>
    <t>FR82285-HDTX</t>
  </si>
  <si>
    <t>Le bébé dragon / La cohabitation</t>
  </si>
  <si>
    <t>Boris et Oxana sont partis pour le week-end et c'est Mamie Goule qui garde Vampirina. La famille reçoit la visite de Fumy, la petite dragone qui avait éclos chez eux. / La maison des Hantley est infestée de charmeurs, des petits insectes magiques.</t>
  </si>
  <si>
    <t>FR64476-HDTX</t>
  </si>
  <si>
    <t>Yoyo et les Farfeloups / Gluglu et les dinosaures</t>
  </si>
  <si>
    <t>De nouveaux méchants débarquent en ville : ce sont des loups-garous qui cherchent à s’approprier la ville entière et empêcher les autres de s’amuser. Yoyo doit apprendre à penser aux autres avant lui-même. / Le musée organise une exposition sur les dinosaures, une des passions de Gluglu. Mais des os de dinosaures ont disparu et les Pyjamasques vont devoir mener l’enquête. Qui a bien pu les voler ?</t>
  </si>
  <si>
    <t>FR43081-HDTX</t>
  </si>
  <si>
    <t>Vive la Reine</t>
  </si>
  <si>
    <t>76</t>
  </si>
  <si>
    <t>Lorsque Rani craint de ne pas être prête à devenir reine, Makini lui montre le cadeau que la reine Janna lui a laissé.</t>
  </si>
  <si>
    <t>FR63877-HDTX</t>
  </si>
  <si>
    <t>Les Îles Mystérieuses : Une vraie fée</t>
  </si>
  <si>
    <t>111</t>
  </si>
  <si>
    <t>Sofia et Chrysta passent le test des fées et en profitent pour arrêter la voleuse de Pixie-calice.</t>
  </si>
  <si>
    <t>FR31568-HDTX</t>
  </si>
  <si>
    <t>Un anniversaire rebondissant / Un animal à l'hôpital</t>
  </si>
  <si>
    <t>Réalisateur: Damien O'Connor, Réalisateur: Dan NosellaRéalisateur: Dan Nosella</t>
  </si>
  <si>
    <t>Tous les jouets vont à la fête d'anniversaire de Bobby et découvrent qu'il vit dans un château gonflable ! / Hazel a peur de rester à l'hôpital et Toufy fait entrer Gribulle en cachette pour la réconforter.</t>
  </si>
  <si>
    <t>FR31299-HDTX</t>
  </si>
  <si>
    <t>Les Bouh Boys sont de retour / Un problème de taille</t>
  </si>
  <si>
    <t>Les Monstrueuses et Pat Le Poltergeist jouent au Festival de Pop Paranormale. / Une famille de fées vient à l’auberge.</t>
  </si>
  <si>
    <t>FR64477-HDTX</t>
  </si>
  <si>
    <t>Yoyo pas rapido / Gluglu et la lave collante</t>
  </si>
  <si>
    <t>Robot fabrique un costume de Yoyo pour Roméo. Grâce à son nouveau laser-aspirateur, Roméo vole aussi les pouvoirs de Yoyo. Pour l'arrêter, Yoyo doit apprendre à être un héros sans super-pouvoir ! / Ninjaka a transformé la montagne mystérieuse en volcan d'étoiles collantes. Gluglu pense que ses pouvoirs ne suffiront pas pour l’arrêter, mais ses amis vont lui redonner confiance!</t>
  </si>
  <si>
    <t>FR43083-HDTX</t>
  </si>
  <si>
    <t>Le salon des études royales</t>
  </si>
  <si>
    <t>109</t>
  </si>
  <si>
    <t>Sofia se rend au salon des études royales pour choisir l'école dans laquelle elle poursuivra ses études. Mais elle a beaucoup de mal à se décider.</t>
  </si>
  <si>
    <t>FR31566-HDTX</t>
  </si>
  <si>
    <t>Mazu tente sa chance / L'oeuf perdu</t>
  </si>
  <si>
    <t>Afin de sauver une libellule des mains des raptors, Mazu doit leur apporter une écaille de Gigantosaurus. Elle trouve plein de stratagèmes ingénieux pour prendre une écaille sur le dos de la bête, mais toutes ses tentatives échouent, et causent plus de catastrophes qu’autre chose. / Rocky trouve un œuf perdu. Aucun intérêt pour lui, mais ses amis veulent retrouver ses parents. Bon, Rocky prend les choses en main ; plus vite cet œuf aura retrouvé sa famille, plus vite ils pourront retourner jouer. Mais attention, lui c’est un dur de dur, les petits œufs, c’est pas pour lui .</t>
  </si>
  <si>
    <t>FR65938-HDTX</t>
  </si>
  <si>
    <t>Dingo le preux chevalier</t>
  </si>
  <si>
    <t>70</t>
  </si>
  <si>
    <t>Mickey, Dingo et Pluto partent à la recherche de la source d'eau pétillante pour rapporter de « l'eau qui pique » à Willie le géant, et ce afin de lui faire passer ses maux de ventre.</t>
  </si>
  <si>
    <t>FR31274-HDTX</t>
  </si>
  <si>
    <t>Donald, chasseur de sable</t>
  </si>
  <si>
    <t>Réalisateur: Sherie Pollack, Réalisateur: Rob LaDuca, Interprète: They Might Be GiantsRéalisateur: Rob LaDuca, Réalisateur: Sherie Pollack, Interprète: They Might Be Giants</t>
  </si>
  <si>
    <t>Nos amis se déplacent jusque dans le désert afin de chercher du sable pour remplir leur bac à sable. Sur place, il y trouvent un génie de la lampe, qui est prêt à leur exaucer un vœu.</t>
  </si>
  <si>
    <t>FR31275-HDTX</t>
  </si>
  <si>
    <t>Les Pyjamasques et Tatouro’Tom / Bibou invisible</t>
  </si>
  <si>
    <t>Quand les Pyjamasques découvrent que l’école a été saccagée, ils font vite le lien avec celui qui fait des dégâts dans toute la ville. Il s’agit de Tatouro’Tom, un nouveau héros, mi-tatou, mi-garçon, qui ne maîtrise pas encore ses pouvoirs mais qui se prend très au sérieux. Les Pyjamasques lui proposent de l’aider, mais Tatouro’Tom, vexé, se retourne contre eux/ Roméo a inventé un rayon lui permettant de devenir invisible pour faire encore plus de bêtises. Mais par mégarde c'est Bibou qu'il rend invisible ! Yoyo et Gluglu doivent se débrouiller sans elle pour contrer les plans de Roméo.</t>
  </si>
  <si>
    <t>FR43084-HDTX</t>
  </si>
  <si>
    <t>L'esprit de la Saint Valentin / Jeu de carapace</t>
  </si>
  <si>
    <t>Freddy et Pipou se dépêchent d'apporter des cœurs de Saint Valentin à tous les bébés qu'ils ont livrés, en espérant être à l'heure à la fête. Freddy, Pipou et KC doivent faire sortir une tortue très timide de sa carapace.</t>
  </si>
  <si>
    <t>FR72087-HDTX</t>
  </si>
  <si>
    <t>Un retour de bébé / Un pingouin dans le désert</t>
  </si>
  <si>
    <t>Un bébé est rendu à la nurserie. Les livreurs bravent le désert !</t>
  </si>
  <si>
    <t>FR72093-HDTX</t>
  </si>
  <si>
    <t>T.O.T.S. S1 Ep 19</t>
  </si>
  <si>
    <t>Le statut de champion de cache-cache de Freddy est remis en question lorsque lui et Pipou perdent un bébé renard. Pipou et Freddy aident K.C. à gagner sa première plume en or le jour du grand ménage !</t>
  </si>
  <si>
    <t>FR72094-HDTX</t>
  </si>
  <si>
    <t>Livraison pour un papa / JP, le livreur débutant</t>
  </si>
  <si>
    <t>FR72096-HDTX</t>
  </si>
  <si>
    <t>La montagne des Farfeloups/Les Pyjamasques et le cristal de lune</t>
  </si>
  <si>
    <t>Alors que les Pyjamasques veulent partager la montagne mystérieuse, les Farfeloups décident de s'en emparer ! Mais Ninjaka s'en mêle et compte bien les en empêcher. Quand la montagne réagit en voulant se défendre, les Pyjamasques viennent à leur secours/ Un cambriolage a eu lieu au Q.G. des Pyjamasques: le cristal de lune a disparu! Roméo s’en est emparé, afin d’augmenter ses pouvoirs. N’arrivant pas à s’en servir, il le confie à Robot, qui se voit déjà en maître du monde. Sorceline s'en mêle et nos Pyjamasques doivent redoubler d'astuce pour régler tous ces tracas !</t>
  </si>
  <si>
    <t>FR43085-HDTX</t>
  </si>
  <si>
    <t>Gluglu et les algues fluorescentes/Bibou et le télescope</t>
  </si>
  <si>
    <t>Roméo a découvert des algues au pouvoir extraordinaire, dont il compte bien se servir pour conquérir le monde. Yoyo et Bibou sont rapidement capturés par ces algues et Gluglu doit combattre Roméo tout seul. Mais Gluglu aura-t-il suffisament confiance en lui ? / Après avoir récupéré le télescope que Sorceline venait de voler au musée, Bibou fait tomber l’instrument, qui se casse. N’osant pas avouer sa bêtise à Yoyo et Gluglu, elle les laisse croire que c’est Sorceline la coupable. Mais ce mensonge va beaucoup compliquer la mission des Pyjamasques.</t>
  </si>
  <si>
    <t>FR43087-HDTX</t>
  </si>
  <si>
    <t>Le Q.G. des Farfeloups/Gluglu et le gentil Farfeloup</t>
  </si>
  <si>
    <t>Les Farfeloups cherchent une nouvelle tanière et le QG des Pyjamasques leur semble être l'endroit idéal. En déguisant leur voix, ils pénètrent dans le QG et réussissent à convaincre Pyja-Robot de les aider. Heureusement, Pyja-Robot est encore très malin ! / Les Farfeloups ont volé de la peinture pour laisser des empreintes colorées partout où ils passent. Cela n’amuse pas Tiloup, qui n’a pas envie de faire des bêtises et préfère peindre de jolies choses avec Gluglu. Quand Loune et Scarloup lui disent qu’un Farfeloup ne peut pas être gentil, il décide de quitter la meute.</t>
  </si>
  <si>
    <t>FR43088-HDTX</t>
  </si>
  <si>
    <t>Yoyo, Gluglu et le Robot dingo</t>
  </si>
  <si>
    <t>Réalisateur: Christian De Vita, Réalisateur: Wilson Dos Santos, Réalisateur: Merle-Anne RidleyRéalisateur: Merle-Anne Ridley</t>
  </si>
  <si>
    <t>Roméo a un nouveau robot, baptisé Robette, mais suite à une défaillance mécanique celle-cidécide d'aller conquérir le monde pour en devenir elle-même la maîtresse. Heureusement, Yoyoet Gluglu sont là pour l'arrêter... Mais, malheureusement pour Bibou, ces deux derniers sonttrop occupés à faire semblant d'être deux experts en arts martiaux pour penser à l'incluredans leur jeu.</t>
  </si>
  <si>
    <t>12min</t>
  </si>
  <si>
    <t>FR33984-HDTX</t>
  </si>
  <si>
    <t>DISNEY TOUS EN FORME L’ASTUCE DU JOUR</t>
  </si>
  <si>
    <t>Cars</t>
  </si>
  <si>
    <t>S'inspirer de ses héros préférés</t>
  </si>
  <si>
    <t>Magazine</t>
  </si>
  <si>
    <t>9min</t>
  </si>
  <si>
    <t>FR58216-HDTX</t>
  </si>
  <si>
    <t>Hot-dog! Mélangez-vous avec Mickey et tous ses amis dans sa nouvelle maison à Hot Dog Hills. Mickey, Donald, Dingo, Minnie, Daisy, Pluton et Chip 'n Dale ont de nouvelles surprises en magasin!</t>
  </si>
  <si>
    <t>FR82273-HDTX</t>
  </si>
  <si>
    <t>Le jour des ancêtres / Les voeux d'Edgar</t>
  </si>
  <si>
    <t>Des mariachi squelettes coincés par une tempête séjournent à l'Auberge à Cauchemars. Giovanni prépare des cupcakes magiques.</t>
  </si>
  <si>
    <t>FR83409-HDTX</t>
  </si>
  <si>
    <t>Les Farfeloups volants / Gluglu et les voleurs de lézard</t>
  </si>
  <si>
    <t>Les Farfeloups défient les Pyjamasques en prétendant posséder un nouveau pouvoir, mais ne font pas le poids face aux plumes envoyées par Bibou. Cela donne une idée à Loune : ramasser les plumes de Bibou pour fournir des ailes aux Farfeloups ! Loune a beau trouver son plan génial, elle n’est pas prête à le tester elle-même et préfère envoyer Tiloup et Scarloup en première ligne. / Des squelettes préhistoriques ont été volés au Musée et les Pyjamasques pensent que les Farfeloups tentent de reconstruire le Farfelo-saure, n'écoutant pas Lionel qui sait que Roméo est derrière tout cela.</t>
  </si>
  <si>
    <t>FR43089-HDTX</t>
  </si>
  <si>
    <t>Le retour de la Garde</t>
  </si>
  <si>
    <t>77</t>
  </si>
  <si>
    <t>A son retour sur la Terre des Lions, la Garde du Roi Lion découvre que Vitani a formé sa propre Garde. Qui sont les protecteurs légitimes du Cycle de la Vie ?</t>
  </si>
  <si>
    <t>FR63878-HDTX</t>
  </si>
  <si>
    <t>Joyeux Wassailia</t>
  </si>
  <si>
    <t>Sofia aide Chrysta à accomplir quelques missions de dernières minutes sur les îles mystérieuses afin de lui permettre de retrouver rapidement sa famille pour fêter Wassailia.</t>
  </si>
  <si>
    <t>FR31558-HDTX</t>
  </si>
  <si>
    <t>Le Discours du Maire / Le Monstre du Lac</t>
  </si>
  <si>
    <t>Au milieu d'un discours, le bec du Maire se bloque, l'empêchant de parler ! / Ayant appris la présence d'un monstre dans le Lac de la Baignoire, Doc décide de mener l'enquête.</t>
  </si>
  <si>
    <t>FR31301-HDTX</t>
  </si>
  <si>
    <t>Livraison sous surveillance / L'oiseau chanteur</t>
  </si>
  <si>
    <t>Pipou et Freddy doivent impressionner le Capitaine Becman lorsqu'elle les accompagne pour une livraison. Quand Mimi, l'oiseau-moqueur, se met à chanter une berceuse tout le monde s'endort chez T.O.T.S.</t>
  </si>
  <si>
    <t>FR72097-HDTX</t>
  </si>
  <si>
    <t>Soirée plage / Gregoria prend son envol</t>
  </si>
  <si>
    <t>Les Hauntley sont ravis d'aller à la plage avec les Peepleson. / Vampirina et Demi Apprennent à Gregoria à voler.</t>
  </si>
  <si>
    <t>FR64479-HDTX</t>
  </si>
  <si>
    <t>Les Pyjamasques et le Tatou-héros/Tatouro’Tom et le Turbo-Labo</t>
  </si>
  <si>
    <t>Tatouro'Tom est bien décidé à faire partie de l'équipe des Pyjamasques, mais ses méthodes ne sont pas très subtiles et nos héros regrettent vite de l'avoir accepté dans leur patrouille de nuit. / Les Pyjamasques volent à la rescousse de Tatouro’Tom, qui vient de se faire capturer par Robot. Mais ils arrivent trop tard pour empêcher Roméo de transférer les pouvoirs du tatou à son turbo-labo ! Il leur faudra trouver un autre moyen que la force pour empêcher Roméo de devenir le maître du monde...</t>
  </si>
  <si>
    <t>FR43090-HDTX</t>
  </si>
  <si>
    <t>Les Îles Mystérieuses : Clovis le protecteur</t>
  </si>
  <si>
    <t>110</t>
  </si>
  <si>
    <t>Après avoir vu Sofia récompensée en tant que protectrice, Clovis décide de la remplacer dans une mission sur les îles mystérieuses.</t>
  </si>
  <si>
    <t>FR31567-HDTX</t>
  </si>
  <si>
    <t>Il faut sauver Ayati / La crevasse</t>
  </si>
  <si>
    <t>Mazu demande à Ayati, la vieille brachiosaure, de se tenir en équilibre sur deux pattes et de courber sa tête et sa queue. Ça fait un grand huit, et les enfants s’éclatent dessus ! Mais Ayati se casse la figure et ne peut plus se relever... / C’est l’heure du bain dans les geysers, mais Bill a peur de tout. Il n’a qu’une envie : rentrer ! Quand un tremblement de pierre se déclenche, il ne se fait pas prier, et il embarque ses amis pour rentrer vite chez eux. Manque de pot, la terre s’est ouverte et une crevasse est apparue sur le chemin du retour .</t>
  </si>
  <si>
    <t>FR72444-HDTX</t>
  </si>
  <si>
    <t>Les Drôles de Filles</t>
  </si>
  <si>
    <t>Les Drôles de Filles - une équipe de trois agents très spéciaux constituée de Minnie, Daisy et Clarabelle - aident Mickey à retrouver des poussins géants...</t>
  </si>
  <si>
    <t>FR31276-HDTX</t>
  </si>
  <si>
    <t>Joyeux anniversaire, Tourniquet</t>
  </si>
  <si>
    <t>Nos amis organisent un goûter d'anniversaire surprise pour Tourniquet. Ils doivent ainsi se débrouiller pour que leur ami aux maxi outils ne se doute de rien...</t>
  </si>
  <si>
    <t>FR31277-HDTX</t>
  </si>
  <si>
    <t>Réalisateur: Richard Jeffery, Réalisateur: Joe BrummRéalisateur: Richard Jeffery, Réalisateur: Joe Brumm</t>
  </si>
  <si>
    <t>Bibou et les figurines de Roméo / Les Pyjamasques et le dragon</t>
  </si>
  <si>
    <t>Amaya est très fière de la nouvelle figurine de Zoé Zap qu'elle a achetée, mais lorsque qu'elle la perd dans un moment d'inattention, la poupée tombe entre les mains de quelqu'un bien décidé à en faire mauvais usage. / Un gong très ancien est exposé au musée. Le maillet magique pouvant libérer son pouvoir sera livré dans la soirée. Les Pyjamasques veulent empêcher Ninjaka de le voler mais arrivent trop tard. Ninjaka, en frappant le gong, libère le dragon qui en est prisonnier et en devient le maître.</t>
  </si>
  <si>
    <t>FR43091-HDTX</t>
  </si>
  <si>
    <t>DOC LA PELUCHE : BIENVENUE À PELUCHEVILLE</t>
  </si>
  <si>
    <t>Réalisateur: Brónagh O'Hanlon, Réalisateur: Dan Nosella</t>
  </si>
  <si>
    <t>Mamie réserve une surprise de taille à Doc et ses jouets en les emmenant à Pelucheville, une ville composée uniquement de jouets, et elle nomme Doc médecin-chef de l'Hôpital !</t>
  </si>
  <si>
    <t>FR31447-HDTX</t>
  </si>
  <si>
    <t>Le livreur le plus rapide / Meilleurs amis pour la vie</t>
  </si>
  <si>
    <t>Pipou et Freddy expliquent à Ava qu'une livraison réussie n'est pas qu'une question de vitesse. Mia et son amie Chloé n'arrivent pas à se quitter. Les livreurs débutants leur montrent comment garder le contact !</t>
  </si>
  <si>
    <t>FR72099-HDTX</t>
  </si>
  <si>
    <t>Gluglu et le Ninjartiste/Les Pyjamasques et le Roméomanège</t>
  </si>
  <si>
    <t>Ninjaka a volé les œuvres d'art du musée et compte faire sa propre exposition d'oeuvres engluées. Entre-temps, les Pyjamasques, trompés par Ninjaka, se sont séparés et doivent réunir leurs forces pour vaincre le méchant. / Roméo a transféré l’énergie du Q.G. des Pyjamasques dans son labo, ce qui prive nos héros de leurs pouvoirs. Mais les pyja-pouvoirs s’échappent en petites bulles, qui vont flotter au-dessus de la fête foraine. Chacun compte tirer parti des jeux et attractions de la foire pour essayer d’attraper les bulles...</t>
  </si>
  <si>
    <t>FR43092-HDTX</t>
  </si>
  <si>
    <t>Gluglu et le Contrario-Laser/Les Pyjamasques contre la bande des méchants</t>
  </si>
  <si>
    <t>Grâce à sa nouvelle invention, Roméo transforme Yoyo et Bibou en super-méchants, pour les mettre à son service. Seul Gluglu échappe au redoutable rayon – mais il lui faudra ruser pour renverser la situation… / Les Pyjamasques accusent Tatouro’Tom d'avoir voler la Méga Pierre de Lune et refusent de croire que c'était pour empêcher Sorceline de la voler. Mais il se trouve que Sorceline, Ninjaka et Roméo ont uni leurs forces pour parvenir à leurs fins grâce à la fameuse Méga Pierre de Lune. Les Pyjamasques se retrouvent bien seuls, face à cette équipe renforcée...</t>
  </si>
  <si>
    <t>FR43093-HDTX</t>
  </si>
  <si>
    <t>Yoyo et le rayon lunaire Partie 1 / Yoyo et le rayon lunaire Partie 2</t>
  </si>
  <si>
    <t>Sorceline récupère le cristal de lune confisqué par les Pyjamasques en S2 et l'emporte sur la Lune pour charger sa forteresse et grâce au Méga Aimant-Lune peupler son "royaume" de loyaux sujets et de jolies choses. Les Pyjamasques décident alors de la pousuivre avec Spatiototem. Mais Sorceline arrive la première et commence à attirer des éléments de la ville vers la Lune grâce au rayon du Méga Aimant Lune. Alors que Gluglu et Bibou s'envolent vers l'espace, Yoyo reste derrière pour protéger la ville. Mais Glulgu et Bibou sont capturés et Yoyo prend une décision audacieuse pour aider ses amis.</t>
  </si>
  <si>
    <t>FR68517-HDTX</t>
  </si>
  <si>
    <t>Robette et Tatouro'Tom / Yoyo et la colère de Tatouro'Tom</t>
  </si>
  <si>
    <t>Après que Tatouro'Tom ait rencontré Robette, il pense à tort qu'elle est sa nouvelle meilleure copine. Il se bat avec Roméo pour déterminer qui de Robot ou Robette est le meilleur meilleur copain, tandis que les Pyjamasques font de leur mieux pour sauver la ville des dommages collatéraux./ Encore une fois, Tatouro'Tom perd son sang froid et casse toute la ville. Lles Pyjamasques décident alors de l'emmener dans un voyage zen dans la montagne mystère. Mais Ninjaka a d'autres projets pour le futur héros.</t>
  </si>
  <si>
    <t>FR68518-HDTX</t>
  </si>
  <si>
    <t>Réalisateur: Joe Brumm, Réalisateur: Richard JefferyRéalisateur: Richard Jeffery, Réalisateur: Joe Brumm</t>
  </si>
  <si>
    <t>La course amusante de Thanksgiving ! / Les joyeux bénévoles de Thanksgiving !</t>
  </si>
  <si>
    <t>Les bolides de Mickey et ses amis se transforment pour la course de Thanksgiving ! Minnie, Daisy et Coucou-Loulou invitent tous leurs amis pour Thanksgiving !</t>
  </si>
  <si>
    <t>FR82274-HDTX</t>
  </si>
  <si>
    <t>LE MONDE DE BINGO ET ROLLY</t>
  </si>
  <si>
    <t>Une œuvre pyjartistique/Premiers flocons</t>
  </si>
  <si>
    <t>Réalisateur: Trevor WallRéalisateur: Trevor Wall</t>
  </si>
  <si>
    <t>Les chiots essaient d'exposer un objet de Bob dans un grand musée italien. Bingo et Rolly guettent le premier flocon de neige et aident les animaux à se préparer pour l'hiver.</t>
  </si>
  <si>
    <t>FR36050-HDTX</t>
  </si>
  <si>
    <t>La famille monstrueuse / La chasse aux œufs</t>
  </si>
  <si>
    <t>L'école rend hommage aux familles des élèves et ils doivent tous préparer l'arbre généalogique de leur famille. Vampirina en apprend plus sur ses ancêtres grâce à Mamie Goule. / Vampirina participe à sa première chasse aux œufs de Pâques chez les Peepleson. Edna a préparé un gros panier de Pâques qui sera la récompense pour celui ou celle qui aura ramassé le plus d'oeufs.</t>
  </si>
  <si>
    <t>FR64480-HDTX</t>
  </si>
  <si>
    <t>Yoyo et le chien-garou / Ninjaka et les Farfezouaves</t>
  </si>
  <si>
    <t>Loune et Tiloup s'enfuient avec un chien du coin - ils pensent que c'est Scarloup, enfin devenu "Tout Garou". Les Pyjamasques doivent récupérer le chien... et découvrir ce qui est arrivé à Scarloup... /Les Farfezouaves - des Ninjazouaves frappés par des étoiles collantes que les Farfeloups ont machés - font de sacrés dégats dans la Montagne Mystère et les Pyjamasques doivent s'allier à Ninjaka pour les arrêter.</t>
  </si>
  <si>
    <t>FR68519-HDTX</t>
  </si>
  <si>
    <t>Retour vers la Terre des Lions</t>
  </si>
  <si>
    <t>78</t>
  </si>
  <si>
    <t>Après avoir appris que la Terre des Lions était menacée, Kion se sert du rugissement pour aider la Garde à rentrer au plus vite.</t>
  </si>
  <si>
    <t>FR63879-HDTX</t>
  </si>
  <si>
    <t>Impatient et imprudent / Un anniversaire à sauver</t>
  </si>
  <si>
    <t>Réalisateur: Dan Nosella, Réalisateur: Damien O'Connor, Réalisateur: Richard KeaneRéalisateur: Dan Nosella</t>
  </si>
  <si>
    <t>Riquet, le poulet à remontoir, traverse toujours la rue sans regarder ! / Doc et ses amis repèrent un jouet d'anniversaire cassé et se dépêchent de le réparer avant qu'il soit offert !</t>
  </si>
  <si>
    <t>FR31303-HDTX</t>
  </si>
  <si>
    <t>Un voisin pas comme les autres / Vampirina gère l'auberge</t>
  </si>
  <si>
    <t>Vampirina, Poppy et Edgar ont de nouveaux voisins. En l'absence de ses parents, Vampirina est chargée de s'occuper de l'Auberge à cauchemars.</t>
  </si>
  <si>
    <t>FR64481-HDTX</t>
  </si>
  <si>
    <t>L'île / Cave ou pas cave ?</t>
  </si>
  <si>
    <t>Bill a peur de plein de choses, mais pas de l’eau ; il sait très bien nager. Quand les enfants passent la nuit au bord du lac, et que son nénuphar glisse sur l’eau pour se retrouver au beau milieu, il ne panique pas. Rocky oui, par contre ! Eh oui, le dur de dur a la trouille de l’eau et ne sait pas nager. C’est donc au tour de Bill de rassurer et protéger son copain. / Ignatius raconte que dans la Grotte qui Hurle vit le « hurlosaure », un terrible dino gigantesque au rugissement épouvantable. La grotte n’est pas un endroit pour les petits dinos !</t>
  </si>
  <si>
    <t>FR65957-HDTX</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23" x14ac:knownFonts="1">
    <font>
      <sz val="11"/>
      <color indexed="8"/>
      <name val="Calibri"/>
      <family val="2"/>
    </font>
    <font>
      <sz val="11"/>
      <color theme="1"/>
      <name val="Calibri"/>
      <family val="2"/>
      <scheme val="minor"/>
    </font>
    <font>
      <sz val="18"/>
      <color theme="3"/>
      <name val="Calibri Light"/>
      <family val="2"/>
      <scheme val="major"/>
    </font>
    <font>
      <b/>
      <sz val="15"/>
      <color theme="3"/>
      <name val="Calibri"/>
      <family val="2"/>
      <scheme val="minor"/>
    </font>
    <font>
      <b/>
      <sz val="13"/>
      <color theme="3"/>
      <name val="Calibri"/>
      <family val="2"/>
      <scheme val="minor"/>
    </font>
    <font>
      <b/>
      <sz val="11"/>
      <color theme="3"/>
      <name val="Calibri"/>
      <family val="2"/>
      <scheme val="minor"/>
    </font>
    <font>
      <sz val="11"/>
      <color rgb="FF006100"/>
      <name val="Calibri"/>
      <family val="2"/>
      <scheme val="minor"/>
    </font>
    <font>
      <sz val="11"/>
      <color rgb="FF9C0006"/>
      <name val="Calibri"/>
      <family val="2"/>
      <scheme val="minor"/>
    </font>
    <font>
      <sz val="11"/>
      <color rgb="FF9C6500"/>
      <name val="Calibri"/>
      <family val="2"/>
      <scheme val="minor"/>
    </font>
    <font>
      <sz val="11"/>
      <color rgb="FF3F3F76"/>
      <name val="Calibri"/>
      <family val="2"/>
      <scheme val="minor"/>
    </font>
    <font>
      <b/>
      <sz val="11"/>
      <color rgb="FF3F3F3F"/>
      <name val="Calibri"/>
      <family val="2"/>
      <scheme val="minor"/>
    </font>
    <font>
      <b/>
      <sz val="11"/>
      <color rgb="FFFA7D00"/>
      <name val="Calibri"/>
      <family val="2"/>
      <scheme val="minor"/>
    </font>
    <font>
      <sz val="11"/>
      <color rgb="FFFA7D00"/>
      <name val="Calibri"/>
      <family val="2"/>
      <scheme val="minor"/>
    </font>
    <font>
      <b/>
      <sz val="11"/>
      <color theme="0"/>
      <name val="Calibri"/>
      <family val="2"/>
      <scheme val="minor"/>
    </font>
    <font>
      <sz val="11"/>
      <color rgb="FFFF0000"/>
      <name val="Calibri"/>
      <family val="2"/>
      <scheme val="minor"/>
    </font>
    <font>
      <i/>
      <sz val="11"/>
      <color rgb="FF7F7F7F"/>
      <name val="Calibri"/>
      <family val="2"/>
      <scheme val="minor"/>
    </font>
    <font>
      <b/>
      <sz val="11"/>
      <color theme="1"/>
      <name val="Calibri"/>
      <family val="2"/>
      <scheme val="minor"/>
    </font>
    <font>
      <sz val="11"/>
      <color theme="0"/>
      <name val="Calibri"/>
      <family val="2"/>
      <scheme val="minor"/>
    </font>
    <font>
      <b/>
      <i/>
      <sz val="11"/>
      <color indexed="8"/>
      <name val="Calibri"/>
      <family val="2"/>
    </font>
    <font>
      <b/>
      <i/>
      <sz val="10"/>
      <color indexed="8"/>
      <name val="Arial"/>
      <family val="2"/>
    </font>
    <font>
      <sz val="10"/>
      <color indexed="8"/>
      <name val="Arial"/>
      <family val="2"/>
    </font>
    <font>
      <sz val="10"/>
      <color theme="1"/>
      <name val="Arial"/>
      <family val="2"/>
    </font>
    <font>
      <sz val="10"/>
      <color rgb="FF2D2D2D"/>
      <name val="Arial"/>
      <family val="2"/>
    </font>
  </fonts>
  <fills count="33">
    <fill>
      <patternFill patternType="none"/>
    </fill>
    <fill>
      <patternFill patternType="gray125"/>
    </fill>
    <fill>
      <patternFill patternType="solid">
        <fgColor rgb="FFC6EFCE"/>
      </patternFill>
    </fill>
    <fill>
      <patternFill patternType="solid">
        <fgColor rgb="FFFFC7CE"/>
      </patternFill>
    </fill>
    <fill>
      <patternFill patternType="solid">
        <fgColor rgb="FFFFEB9C"/>
      </patternFill>
    </fill>
    <fill>
      <patternFill patternType="solid">
        <fgColor rgb="FFFFCC99"/>
      </patternFill>
    </fill>
    <fill>
      <patternFill patternType="solid">
        <fgColor rgb="FFF2F2F2"/>
      </patternFill>
    </fill>
    <fill>
      <patternFill patternType="solid">
        <fgColor rgb="FFA5A5A5"/>
      </patternFill>
    </fill>
    <fill>
      <patternFill patternType="solid">
        <fgColor rgb="FFFFFFCC"/>
      </patternFill>
    </fill>
    <fill>
      <patternFill patternType="solid">
        <fgColor theme="4"/>
      </patternFill>
    </fill>
    <fill>
      <patternFill patternType="solid">
        <fgColor theme="4" tint="0.79998168889431442"/>
        <bgColor indexed="65"/>
      </patternFill>
    </fill>
    <fill>
      <patternFill patternType="solid">
        <fgColor theme="4" tint="0.59999389629810485"/>
        <bgColor indexed="65"/>
      </patternFill>
    </fill>
    <fill>
      <patternFill patternType="solid">
        <fgColor theme="4" tint="0.39997558519241921"/>
        <bgColor indexed="65"/>
      </patternFill>
    </fill>
    <fill>
      <patternFill patternType="solid">
        <fgColor theme="5"/>
      </patternFill>
    </fill>
    <fill>
      <patternFill patternType="solid">
        <fgColor theme="5" tint="0.79998168889431442"/>
        <bgColor indexed="65"/>
      </patternFill>
    </fill>
    <fill>
      <patternFill patternType="solid">
        <fgColor theme="5" tint="0.59999389629810485"/>
        <bgColor indexed="65"/>
      </patternFill>
    </fill>
    <fill>
      <patternFill patternType="solid">
        <fgColor theme="5" tint="0.39997558519241921"/>
        <bgColor indexed="65"/>
      </patternFill>
    </fill>
    <fill>
      <patternFill patternType="solid">
        <fgColor theme="6"/>
      </patternFill>
    </fill>
    <fill>
      <patternFill patternType="solid">
        <fgColor theme="6" tint="0.79998168889431442"/>
        <bgColor indexed="65"/>
      </patternFill>
    </fill>
    <fill>
      <patternFill patternType="solid">
        <fgColor theme="6" tint="0.59999389629810485"/>
        <bgColor indexed="65"/>
      </patternFill>
    </fill>
    <fill>
      <patternFill patternType="solid">
        <fgColor theme="6" tint="0.39997558519241921"/>
        <bgColor indexed="65"/>
      </patternFill>
    </fill>
    <fill>
      <patternFill patternType="solid">
        <fgColor theme="7"/>
      </patternFill>
    </fill>
    <fill>
      <patternFill patternType="solid">
        <fgColor theme="7" tint="0.79998168889431442"/>
        <bgColor indexed="65"/>
      </patternFill>
    </fill>
    <fill>
      <patternFill patternType="solid">
        <fgColor theme="7" tint="0.59999389629810485"/>
        <bgColor indexed="65"/>
      </patternFill>
    </fill>
    <fill>
      <patternFill patternType="solid">
        <fgColor theme="7" tint="0.39997558519241921"/>
        <bgColor indexed="65"/>
      </patternFill>
    </fill>
    <fill>
      <patternFill patternType="solid">
        <fgColor theme="8"/>
      </patternFill>
    </fill>
    <fill>
      <patternFill patternType="solid">
        <fgColor theme="8" tint="0.79998168889431442"/>
        <bgColor indexed="65"/>
      </patternFill>
    </fill>
    <fill>
      <patternFill patternType="solid">
        <fgColor theme="8" tint="0.59999389629810485"/>
        <bgColor indexed="65"/>
      </patternFill>
    </fill>
    <fill>
      <patternFill patternType="solid">
        <fgColor theme="8" tint="0.39997558519241921"/>
        <bgColor indexed="65"/>
      </patternFill>
    </fill>
    <fill>
      <patternFill patternType="solid">
        <fgColor theme="9"/>
      </patternFill>
    </fill>
    <fill>
      <patternFill patternType="solid">
        <fgColor theme="9" tint="0.79998168889431442"/>
        <bgColor indexed="65"/>
      </patternFill>
    </fill>
    <fill>
      <patternFill patternType="solid">
        <fgColor theme="9" tint="0.59999389629810485"/>
        <bgColor indexed="65"/>
      </patternFill>
    </fill>
    <fill>
      <patternFill patternType="solid">
        <fgColor theme="9" tint="0.39997558519241921"/>
        <bgColor indexed="65"/>
      </patternFill>
    </fill>
  </fills>
  <borders count="10">
    <border>
      <left/>
      <right/>
      <top/>
      <bottom/>
      <diagonal/>
    </border>
    <border>
      <left/>
      <right/>
      <top/>
      <bottom style="thick">
        <color theme="4"/>
      </bottom>
      <diagonal/>
    </border>
    <border>
      <left/>
      <right/>
      <top/>
      <bottom style="thick">
        <color theme="4" tint="0.499984740745262"/>
      </bottom>
      <diagonal/>
    </border>
    <border>
      <left/>
      <right/>
      <top/>
      <bottom style="medium">
        <color theme="4" tint="0.39997558519241921"/>
      </bottom>
      <diagonal/>
    </border>
    <border>
      <left style="thin">
        <color rgb="FF7F7F7F"/>
      </left>
      <right style="thin">
        <color rgb="FF7F7F7F"/>
      </right>
      <top style="thin">
        <color rgb="FF7F7F7F"/>
      </top>
      <bottom style="thin">
        <color rgb="FF7F7F7F"/>
      </bottom>
      <diagonal/>
    </border>
    <border>
      <left style="thin">
        <color rgb="FF3F3F3F"/>
      </left>
      <right style="thin">
        <color rgb="FF3F3F3F"/>
      </right>
      <top style="thin">
        <color rgb="FF3F3F3F"/>
      </top>
      <bottom style="thin">
        <color rgb="FF3F3F3F"/>
      </bottom>
      <diagonal/>
    </border>
    <border>
      <left/>
      <right/>
      <top/>
      <bottom style="double">
        <color rgb="FFFF8001"/>
      </bottom>
      <diagonal/>
    </border>
    <border>
      <left style="double">
        <color rgb="FF3F3F3F"/>
      </left>
      <right style="double">
        <color rgb="FF3F3F3F"/>
      </right>
      <top style="double">
        <color rgb="FF3F3F3F"/>
      </top>
      <bottom style="double">
        <color rgb="FF3F3F3F"/>
      </bottom>
      <diagonal/>
    </border>
    <border>
      <left style="thin">
        <color rgb="FFB2B2B2"/>
      </left>
      <right style="thin">
        <color rgb="FFB2B2B2"/>
      </right>
      <top style="thin">
        <color rgb="FFB2B2B2"/>
      </top>
      <bottom style="thin">
        <color rgb="FFB2B2B2"/>
      </bottom>
      <diagonal/>
    </border>
    <border>
      <left/>
      <right/>
      <top style="thin">
        <color theme="4"/>
      </top>
      <bottom style="double">
        <color theme="4"/>
      </bottom>
      <diagonal/>
    </border>
  </borders>
  <cellStyleXfs count="42">
    <xf numFmtId="0" fontId="0" fillId="0" borderId="0"/>
    <xf numFmtId="0" fontId="2" fillId="0" borderId="0" applyNumberFormat="0" applyFill="0" applyBorder="0" applyAlignment="0" applyProtection="0"/>
    <xf numFmtId="0" fontId="3" fillId="0" borderId="1" applyNumberFormat="0" applyFill="0" applyAlignment="0" applyProtection="0"/>
    <xf numFmtId="0" fontId="4" fillId="0" borderId="2" applyNumberFormat="0" applyFill="0" applyAlignment="0" applyProtection="0"/>
    <xf numFmtId="0" fontId="5" fillId="0" borderId="3" applyNumberFormat="0" applyFill="0" applyAlignment="0" applyProtection="0"/>
    <xf numFmtId="0" fontId="5" fillId="0" borderId="0" applyNumberFormat="0" applyFill="0" applyBorder="0" applyAlignment="0" applyProtection="0"/>
    <xf numFmtId="0" fontId="6" fillId="2" borderId="0" applyNumberFormat="0" applyBorder="0" applyAlignment="0" applyProtection="0"/>
    <xf numFmtId="0" fontId="7" fillId="3" borderId="0" applyNumberFormat="0" applyBorder="0" applyAlignment="0" applyProtection="0"/>
    <xf numFmtId="0" fontId="8" fillId="4" borderId="0" applyNumberFormat="0" applyBorder="0" applyAlignment="0" applyProtection="0"/>
    <xf numFmtId="0" fontId="9" fillId="5" borderId="4" applyNumberFormat="0" applyAlignment="0" applyProtection="0"/>
    <xf numFmtId="0" fontId="10" fillId="6" borderId="5" applyNumberFormat="0" applyAlignment="0" applyProtection="0"/>
    <xf numFmtId="0" fontId="11" fillId="6" borderId="4" applyNumberFormat="0" applyAlignment="0" applyProtection="0"/>
    <xf numFmtId="0" fontId="12" fillId="0" borderId="6" applyNumberFormat="0" applyFill="0" applyAlignment="0" applyProtection="0"/>
    <xf numFmtId="0" fontId="13" fillId="7" borderId="7" applyNumberFormat="0" applyAlignment="0" applyProtection="0"/>
    <xf numFmtId="0" fontId="14" fillId="0" borderId="0" applyNumberFormat="0" applyFill="0" applyBorder="0" applyAlignment="0" applyProtection="0"/>
    <xf numFmtId="0" fontId="1" fillId="8" borderId="8" applyNumberFormat="0" applyFont="0" applyAlignment="0" applyProtection="0"/>
    <xf numFmtId="0" fontId="15" fillId="0" borderId="0" applyNumberFormat="0" applyFill="0" applyBorder="0" applyAlignment="0" applyProtection="0"/>
    <xf numFmtId="0" fontId="16" fillId="0" borderId="9" applyNumberFormat="0" applyFill="0" applyAlignment="0" applyProtection="0"/>
    <xf numFmtId="0" fontId="17" fillId="9" borderId="0" applyNumberFormat="0" applyBorder="0" applyAlignment="0" applyProtection="0"/>
    <xf numFmtId="0" fontId="1" fillId="10" borderId="0" applyNumberFormat="0" applyBorder="0" applyAlignment="0" applyProtection="0"/>
    <xf numFmtId="0" fontId="1" fillId="11" borderId="0" applyNumberFormat="0" applyBorder="0" applyAlignment="0" applyProtection="0"/>
    <xf numFmtId="0" fontId="17" fillId="12" borderId="0" applyNumberFormat="0" applyBorder="0" applyAlignment="0" applyProtection="0"/>
    <xf numFmtId="0" fontId="17" fillId="13" borderId="0" applyNumberFormat="0" applyBorder="0" applyAlignment="0" applyProtection="0"/>
    <xf numFmtId="0" fontId="1" fillId="14" borderId="0" applyNumberFormat="0" applyBorder="0" applyAlignment="0" applyProtection="0"/>
    <xf numFmtId="0" fontId="1" fillId="15" borderId="0" applyNumberFormat="0" applyBorder="0" applyAlignment="0" applyProtection="0"/>
    <xf numFmtId="0" fontId="17" fillId="16" borderId="0" applyNumberFormat="0" applyBorder="0" applyAlignment="0" applyProtection="0"/>
    <xf numFmtId="0" fontId="17" fillId="17" borderId="0" applyNumberFormat="0" applyBorder="0" applyAlignment="0" applyProtection="0"/>
    <xf numFmtId="0" fontId="1" fillId="18" borderId="0" applyNumberFormat="0" applyBorder="0" applyAlignment="0" applyProtection="0"/>
    <xf numFmtId="0" fontId="1" fillId="19" borderId="0" applyNumberFormat="0" applyBorder="0" applyAlignment="0" applyProtection="0"/>
    <xf numFmtId="0" fontId="17" fillId="20" borderId="0" applyNumberFormat="0" applyBorder="0" applyAlignment="0" applyProtection="0"/>
    <xf numFmtId="0" fontId="17" fillId="21" borderId="0" applyNumberFormat="0" applyBorder="0" applyAlignment="0" applyProtection="0"/>
    <xf numFmtId="0" fontId="1" fillId="22" borderId="0" applyNumberFormat="0" applyBorder="0" applyAlignment="0" applyProtection="0"/>
    <xf numFmtId="0" fontId="1" fillId="23" borderId="0" applyNumberFormat="0" applyBorder="0" applyAlignment="0" applyProtection="0"/>
    <xf numFmtId="0" fontId="17" fillId="24" borderId="0" applyNumberFormat="0" applyBorder="0" applyAlignment="0" applyProtection="0"/>
    <xf numFmtId="0" fontId="17" fillId="25" borderId="0" applyNumberFormat="0" applyBorder="0" applyAlignment="0" applyProtection="0"/>
    <xf numFmtId="0" fontId="1" fillId="26" borderId="0" applyNumberFormat="0" applyBorder="0" applyAlignment="0" applyProtection="0"/>
    <xf numFmtId="0" fontId="1" fillId="27" borderId="0" applyNumberFormat="0" applyBorder="0" applyAlignment="0" applyProtection="0"/>
    <xf numFmtId="0" fontId="17" fillId="28" borderId="0" applyNumberFormat="0" applyBorder="0" applyAlignment="0" applyProtection="0"/>
    <xf numFmtId="0" fontId="17" fillId="29" borderId="0" applyNumberFormat="0" applyBorder="0" applyAlignment="0" applyProtection="0"/>
    <xf numFmtId="0" fontId="1" fillId="30" borderId="0" applyNumberFormat="0" applyBorder="0" applyAlignment="0" applyProtection="0"/>
    <xf numFmtId="0" fontId="1" fillId="31" borderId="0" applyNumberFormat="0" applyBorder="0" applyAlignment="0" applyProtection="0"/>
    <xf numFmtId="0" fontId="17" fillId="32" borderId="0" applyNumberFormat="0" applyBorder="0" applyAlignment="0" applyProtection="0"/>
  </cellStyleXfs>
  <cellXfs count="9">
    <xf numFmtId="0" fontId="0" fillId="0" borderId="0" xfId="0"/>
    <xf numFmtId="0" fontId="18" fillId="0" borderId="0" xfId="0" applyFont="1"/>
    <xf numFmtId="0" fontId="19" fillId="0" borderId="0" xfId="0" applyFont="1" applyAlignment="1"/>
    <xf numFmtId="0" fontId="20" fillId="0" borderId="0" xfId="0" applyFont="1" applyAlignment="1"/>
    <xf numFmtId="14" fontId="20" fillId="0" borderId="0" xfId="0" applyNumberFormat="1" applyFont="1" applyAlignment="1"/>
    <xf numFmtId="21" fontId="20" fillId="0" borderId="0" xfId="0" applyNumberFormat="1" applyFont="1" applyAlignment="1"/>
    <xf numFmtId="0" fontId="19" fillId="0" borderId="0" xfId="0" applyFont="1"/>
    <xf numFmtId="0" fontId="21" fillId="0" borderId="0" xfId="0" applyFont="1"/>
    <xf numFmtId="0" fontId="22" fillId="0" borderId="0" xfId="0" applyFont="1"/>
  </cellXfs>
  <cellStyles count="42">
    <cellStyle name="20% - Accent1" xfId="19" builtinId="30" customBuiltin="1"/>
    <cellStyle name="20% - Accent2" xfId="23" builtinId="34" customBuiltin="1"/>
    <cellStyle name="20% - Accent3" xfId="27" builtinId="38" customBuiltin="1"/>
    <cellStyle name="20% - Accent4" xfId="31" builtinId="42" customBuiltin="1"/>
    <cellStyle name="20% - Accent5" xfId="35" builtinId="46" customBuiltin="1"/>
    <cellStyle name="20% - Accent6" xfId="39" builtinId="50" customBuiltin="1"/>
    <cellStyle name="40% - Accent1" xfId="20" builtinId="31" customBuiltin="1"/>
    <cellStyle name="40% - Accent2" xfId="24" builtinId="35" customBuiltin="1"/>
    <cellStyle name="40% - Accent3" xfId="28" builtinId="39" customBuiltin="1"/>
    <cellStyle name="40% - Accent4" xfId="32" builtinId="43" customBuiltin="1"/>
    <cellStyle name="40% - Accent5" xfId="36" builtinId="47" customBuiltin="1"/>
    <cellStyle name="40% - Accent6" xfId="40" builtinId="51" customBuiltin="1"/>
    <cellStyle name="60% - Accent1" xfId="21" builtinId="32" customBuiltin="1"/>
    <cellStyle name="60% - Accent2" xfId="25" builtinId="36" customBuiltin="1"/>
    <cellStyle name="60% - Accent3" xfId="29" builtinId="40" customBuiltin="1"/>
    <cellStyle name="60% - Accent4" xfId="33" builtinId="44" customBuiltin="1"/>
    <cellStyle name="60% - Accent5" xfId="37" builtinId="48" customBuiltin="1"/>
    <cellStyle name="60% - Accent6" xfId="41" builtinId="52" customBuiltin="1"/>
    <cellStyle name="Accent1" xfId="18" builtinId="29" customBuiltin="1"/>
    <cellStyle name="Accent2" xfId="22" builtinId="33" customBuiltin="1"/>
    <cellStyle name="Accent3" xfId="26" builtinId="37" customBuiltin="1"/>
    <cellStyle name="Accent4" xfId="30" builtinId="41" customBuiltin="1"/>
    <cellStyle name="Accent5" xfId="34" builtinId="45" customBuiltin="1"/>
    <cellStyle name="Accent6" xfId="38" builtinId="49" customBuiltin="1"/>
    <cellStyle name="Bad" xfId="7" builtinId="27" customBuiltin="1"/>
    <cellStyle name="Calculation" xfId="11" builtinId="22" customBuiltin="1"/>
    <cellStyle name="Check Cell" xfId="13" builtinId="23" customBuiltin="1"/>
    <cellStyle name="Explanatory Text" xfId="16" builtinId="53" customBuiltin="1"/>
    <cellStyle name="Good" xfId="6" builtinId="26" customBuiltin="1"/>
    <cellStyle name="Heading 1" xfId="2" builtinId="16" customBuiltin="1"/>
    <cellStyle name="Heading 2" xfId="3" builtinId="17" customBuiltin="1"/>
    <cellStyle name="Heading 3" xfId="4" builtinId="18" customBuiltin="1"/>
    <cellStyle name="Heading 4" xfId="5" builtinId="19" customBuiltin="1"/>
    <cellStyle name="Input" xfId="9" builtinId="20" customBuiltin="1"/>
    <cellStyle name="Linked Cell" xfId="12" builtinId="24" customBuiltin="1"/>
    <cellStyle name="Neutral" xfId="8" builtinId="28" customBuiltin="1"/>
    <cellStyle name="Normal" xfId="0" builtinId="0" customBuiltin="1"/>
    <cellStyle name="Note" xfId="15" builtinId="10" customBuiltin="1"/>
    <cellStyle name="Output" xfId="10" builtinId="21" customBuiltin="1"/>
    <cellStyle name="Title" xfId="1" builtinId="15" customBuiltin="1"/>
    <cellStyle name="Total" xfId="17" builtinId="25" customBuiltin="1"/>
    <cellStyle name="Warning Text" xfId="14" builtinId="11" customBuiltin="1"/>
  </cellStyles>
  <dxfs count="25">
    <dxf>
      <font>
        <b val="0"/>
        <i val="0"/>
        <strike val="0"/>
        <condense val="0"/>
        <extend val="0"/>
        <outline val="0"/>
        <shadow val="0"/>
        <u val="none"/>
        <vertAlign val="baseline"/>
        <sz val="10"/>
        <color indexed="8"/>
        <name val="Arial"/>
        <scheme val="none"/>
      </font>
      <alignment horizontal="general" vertical="bottom" textRotation="0" wrapText="0" indent="0" justifyLastLine="0" shrinkToFit="0" readingOrder="0"/>
    </dxf>
    <dxf>
      <font>
        <b val="0"/>
        <i val="0"/>
        <strike val="0"/>
        <condense val="0"/>
        <extend val="0"/>
        <outline val="0"/>
        <shadow val="0"/>
        <u val="none"/>
        <vertAlign val="baseline"/>
        <sz val="10"/>
        <color indexed="8"/>
        <name val="Arial"/>
        <scheme val="none"/>
      </font>
      <alignment horizontal="general" vertical="bottom" textRotation="0" wrapText="0" indent="0" justifyLastLine="0" shrinkToFit="0" readingOrder="0"/>
    </dxf>
    <dxf>
      <font>
        <b val="0"/>
        <i val="0"/>
        <strike val="0"/>
        <condense val="0"/>
        <extend val="0"/>
        <outline val="0"/>
        <shadow val="0"/>
        <u val="none"/>
        <vertAlign val="baseline"/>
        <sz val="10"/>
        <color indexed="8"/>
        <name val="Arial"/>
        <scheme val="none"/>
      </font>
      <alignment horizontal="general" vertical="bottom" textRotation="0" wrapText="0" indent="0" justifyLastLine="0" shrinkToFit="0" readingOrder="0"/>
    </dxf>
    <dxf>
      <font>
        <b val="0"/>
        <i val="0"/>
        <strike val="0"/>
        <condense val="0"/>
        <extend val="0"/>
        <outline val="0"/>
        <shadow val="0"/>
        <u val="none"/>
        <vertAlign val="baseline"/>
        <sz val="10"/>
        <color indexed="8"/>
        <name val="Arial"/>
        <scheme val="none"/>
      </font>
      <alignment horizontal="general" vertical="bottom" textRotation="0" wrapText="0" indent="0" justifyLastLine="0" shrinkToFit="0" readingOrder="0"/>
    </dxf>
    <dxf>
      <font>
        <b val="0"/>
        <i val="0"/>
        <strike val="0"/>
        <condense val="0"/>
        <extend val="0"/>
        <outline val="0"/>
        <shadow val="0"/>
        <u val="none"/>
        <vertAlign val="baseline"/>
        <sz val="10"/>
        <color indexed="8"/>
        <name val="Arial"/>
        <scheme val="none"/>
      </font>
      <alignment horizontal="general" vertical="bottom" textRotation="0" wrapText="0" indent="0" justifyLastLine="0" shrinkToFit="0" readingOrder="0"/>
    </dxf>
    <dxf>
      <font>
        <b val="0"/>
        <i val="0"/>
        <strike val="0"/>
        <condense val="0"/>
        <extend val="0"/>
        <outline val="0"/>
        <shadow val="0"/>
        <u val="none"/>
        <vertAlign val="baseline"/>
        <sz val="10"/>
        <color indexed="8"/>
        <name val="Arial"/>
        <scheme val="none"/>
      </font>
      <alignment horizontal="general" vertical="bottom" textRotation="0" wrapText="0" indent="0" justifyLastLine="0" shrinkToFit="0" readingOrder="0"/>
    </dxf>
    <dxf>
      <font>
        <b val="0"/>
        <i val="0"/>
        <strike val="0"/>
        <condense val="0"/>
        <extend val="0"/>
        <outline val="0"/>
        <shadow val="0"/>
        <u val="none"/>
        <vertAlign val="baseline"/>
        <sz val="10"/>
        <color indexed="8"/>
        <name val="Arial"/>
        <scheme val="none"/>
      </font>
      <alignment horizontal="general" vertical="bottom" textRotation="0" wrapText="0" indent="0" justifyLastLine="0" shrinkToFit="0" readingOrder="0"/>
    </dxf>
    <dxf>
      <font>
        <b val="0"/>
        <i val="0"/>
        <strike val="0"/>
        <condense val="0"/>
        <extend val="0"/>
        <outline val="0"/>
        <shadow val="0"/>
        <u val="none"/>
        <vertAlign val="baseline"/>
        <sz val="10"/>
        <color indexed="8"/>
        <name val="Arial"/>
        <scheme val="none"/>
      </font>
      <alignment horizontal="general" vertical="bottom" textRotation="0" wrapText="0" indent="0" justifyLastLine="0" shrinkToFit="0" readingOrder="0"/>
    </dxf>
    <dxf>
      <font>
        <b val="0"/>
        <i val="0"/>
        <strike val="0"/>
        <condense val="0"/>
        <extend val="0"/>
        <outline val="0"/>
        <shadow val="0"/>
        <u val="none"/>
        <vertAlign val="baseline"/>
        <sz val="10"/>
        <color indexed="8"/>
        <name val="Arial"/>
        <scheme val="none"/>
      </font>
      <alignment horizontal="general" vertical="bottom" textRotation="0" wrapText="0" indent="0" justifyLastLine="0" shrinkToFit="0" readingOrder="0"/>
    </dxf>
    <dxf>
      <font>
        <b val="0"/>
        <i val="0"/>
        <strike val="0"/>
        <condense val="0"/>
        <extend val="0"/>
        <outline val="0"/>
        <shadow val="0"/>
        <u val="none"/>
        <vertAlign val="baseline"/>
        <sz val="10"/>
        <color indexed="8"/>
        <name val="Arial"/>
        <scheme val="none"/>
      </font>
      <alignment horizontal="general" vertical="bottom" textRotation="0" wrapText="0" indent="0" justifyLastLine="0" shrinkToFit="0" readingOrder="0"/>
    </dxf>
    <dxf>
      <font>
        <b val="0"/>
        <i val="0"/>
        <strike val="0"/>
        <condense val="0"/>
        <extend val="0"/>
        <outline val="0"/>
        <shadow val="0"/>
        <u val="none"/>
        <vertAlign val="baseline"/>
        <sz val="10"/>
        <color indexed="8"/>
        <name val="Arial"/>
        <scheme val="none"/>
      </font>
      <alignment horizontal="general" vertical="bottom" textRotation="0" wrapText="0" indent="0" justifyLastLine="0" shrinkToFit="0" readingOrder="0"/>
    </dxf>
    <dxf>
      <font>
        <b val="0"/>
        <i val="0"/>
        <strike val="0"/>
        <condense val="0"/>
        <extend val="0"/>
        <outline val="0"/>
        <shadow val="0"/>
        <u val="none"/>
        <vertAlign val="baseline"/>
        <sz val="10"/>
        <color indexed="8"/>
        <name val="Arial"/>
        <scheme val="none"/>
      </font>
      <alignment horizontal="general" vertical="bottom" textRotation="0" wrapText="0" indent="0" justifyLastLine="0" shrinkToFit="0" readingOrder="0"/>
    </dxf>
    <dxf>
      <font>
        <b val="0"/>
        <i val="0"/>
        <strike val="0"/>
        <condense val="0"/>
        <extend val="0"/>
        <outline val="0"/>
        <shadow val="0"/>
        <u val="none"/>
        <vertAlign val="baseline"/>
        <sz val="10"/>
        <color indexed="8"/>
        <name val="Arial"/>
        <scheme val="none"/>
      </font>
      <alignment horizontal="general" vertical="bottom" textRotation="0" wrapText="0" indent="0" justifyLastLine="0" shrinkToFit="0" readingOrder="0"/>
    </dxf>
    <dxf>
      <font>
        <b val="0"/>
        <i val="0"/>
        <strike val="0"/>
        <condense val="0"/>
        <extend val="0"/>
        <outline val="0"/>
        <shadow val="0"/>
        <u val="none"/>
        <vertAlign val="baseline"/>
        <sz val="10"/>
        <color indexed="8"/>
        <name val="Arial"/>
        <scheme val="none"/>
      </font>
      <alignment horizontal="general" vertical="bottom" textRotation="0" wrapText="0" indent="0" justifyLastLine="0" shrinkToFit="0" readingOrder="0"/>
    </dxf>
    <dxf>
      <font>
        <b val="0"/>
        <i val="0"/>
        <strike val="0"/>
        <condense val="0"/>
        <extend val="0"/>
        <outline val="0"/>
        <shadow val="0"/>
        <u val="none"/>
        <vertAlign val="baseline"/>
        <sz val="10"/>
        <color indexed="8"/>
        <name val="Arial"/>
        <scheme val="none"/>
      </font>
      <alignment horizontal="general" vertical="bottom" textRotation="0" wrapText="0" indent="0" justifyLastLine="0" shrinkToFit="0" readingOrder="0"/>
    </dxf>
    <dxf>
      <font>
        <b val="0"/>
        <i val="0"/>
        <strike val="0"/>
        <condense val="0"/>
        <extend val="0"/>
        <outline val="0"/>
        <shadow val="0"/>
        <u val="none"/>
        <vertAlign val="baseline"/>
        <sz val="10"/>
        <color indexed="8"/>
        <name val="Arial"/>
        <scheme val="none"/>
      </font>
      <alignment horizontal="general" vertical="bottom" textRotation="0" wrapText="0" indent="0" justifyLastLine="0" shrinkToFit="0" readingOrder="0"/>
    </dxf>
    <dxf>
      <font>
        <b val="0"/>
        <i val="0"/>
        <strike val="0"/>
        <condense val="0"/>
        <extend val="0"/>
        <outline val="0"/>
        <shadow val="0"/>
        <u val="none"/>
        <vertAlign val="baseline"/>
        <sz val="10"/>
        <color indexed="8"/>
        <name val="Arial"/>
        <scheme val="none"/>
      </font>
      <alignment horizontal="general" vertical="bottom" textRotation="0" wrapText="0" indent="0" justifyLastLine="0" shrinkToFit="0" readingOrder="0"/>
    </dxf>
    <dxf>
      <font>
        <b val="0"/>
        <i val="0"/>
        <strike val="0"/>
        <condense val="0"/>
        <extend val="0"/>
        <outline val="0"/>
        <shadow val="0"/>
        <u val="none"/>
        <vertAlign val="baseline"/>
        <sz val="10"/>
        <color indexed="8"/>
        <name val="Arial"/>
        <scheme val="none"/>
      </font>
      <alignment horizontal="general" vertical="bottom" textRotation="0" wrapText="0" indent="0" justifyLastLine="0" shrinkToFit="0" readingOrder="0"/>
    </dxf>
    <dxf>
      <font>
        <b val="0"/>
        <i val="0"/>
        <strike val="0"/>
        <condense val="0"/>
        <extend val="0"/>
        <outline val="0"/>
        <shadow val="0"/>
        <u val="none"/>
        <vertAlign val="baseline"/>
        <sz val="10"/>
        <color indexed="8"/>
        <name val="Arial"/>
        <scheme val="none"/>
      </font>
      <numFmt numFmtId="26" formatCode="hh:mm:ss"/>
      <alignment horizontal="general" vertical="bottom" textRotation="0" wrapText="0" indent="0" justifyLastLine="0" shrinkToFit="0" readingOrder="0"/>
    </dxf>
    <dxf>
      <font>
        <b val="0"/>
        <i val="0"/>
        <strike val="0"/>
        <condense val="0"/>
        <extend val="0"/>
        <outline val="0"/>
        <shadow val="0"/>
        <u val="none"/>
        <vertAlign val="baseline"/>
        <sz val="10"/>
        <color indexed="8"/>
        <name val="Arial"/>
        <scheme val="none"/>
      </font>
      <alignment horizontal="general" vertical="bottom" textRotation="0" wrapText="0" indent="0" justifyLastLine="0" shrinkToFit="0" readingOrder="0"/>
    </dxf>
    <dxf>
      <font>
        <b val="0"/>
        <i val="0"/>
        <strike val="0"/>
        <condense val="0"/>
        <extend val="0"/>
        <outline val="0"/>
        <shadow val="0"/>
        <u val="none"/>
        <vertAlign val="baseline"/>
        <sz val="10"/>
        <color indexed="8"/>
        <name val="Arial"/>
        <scheme val="none"/>
      </font>
      <numFmt numFmtId="19" formatCode="dd/mm/yyyy"/>
      <alignment horizontal="general" vertical="bottom" textRotation="0" wrapText="0" indent="0" justifyLastLine="0" shrinkToFit="0" readingOrder="0"/>
    </dxf>
    <dxf>
      <font>
        <b val="0"/>
        <i val="0"/>
        <strike val="0"/>
        <condense val="0"/>
        <extend val="0"/>
        <outline val="0"/>
        <shadow val="0"/>
        <u val="none"/>
        <vertAlign val="baseline"/>
        <sz val="10"/>
        <color indexed="8"/>
        <name val="Arial"/>
        <scheme val="none"/>
      </font>
      <alignment horizontal="general" vertical="bottom" textRotation="0" wrapText="0" indent="0" justifyLastLine="0" shrinkToFit="0" readingOrder="0"/>
    </dxf>
    <dxf>
      <font>
        <b val="0"/>
        <i val="0"/>
        <strike val="0"/>
        <condense val="0"/>
        <extend val="0"/>
        <outline val="0"/>
        <shadow val="0"/>
        <u val="none"/>
        <vertAlign val="baseline"/>
        <sz val="10"/>
        <color indexed="8"/>
        <name val="Arial"/>
        <scheme val="none"/>
      </font>
      <alignment horizontal="general" vertical="bottom" textRotation="0" wrapText="0" indent="0" justifyLastLine="0" shrinkToFit="0" readingOrder="0"/>
    </dxf>
    <dxf>
      <font>
        <b/>
        <i/>
        <strike val="0"/>
        <condense val="0"/>
        <extend val="0"/>
        <outline val="0"/>
        <shadow val="0"/>
        <u val="none"/>
        <vertAlign val="baseline"/>
        <sz val="10"/>
        <color indexed="8"/>
        <name val="Arial"/>
        <scheme val="none"/>
      </font>
      <alignment horizontal="general" vertical="bottom" textRotation="0" wrapText="0" indent="0" justifyLastLine="0" shrinkToFit="0" readingOrder="0"/>
    </dxf>
    <dxf>
      <border>
        <left style="thin">
          <color auto="1"/>
        </left>
        <right style="thin">
          <color auto="1"/>
        </right>
        <top style="thin">
          <color auto="1"/>
        </top>
        <bottom style="thin">
          <color auto="1"/>
        </bottom>
        <vertical style="thin">
          <color auto="1"/>
        </vertical>
        <horizontal style="thin">
          <color auto="1"/>
        </horizontal>
      </border>
    </dxf>
  </dxfs>
  <tableStyles count="1" defaultTableStyle="TableStyleMedium2" defaultPivotStyle="PivotStyleLight16">
    <tableStyle name="Table Style 1" pivot="0" count="1">
      <tableStyleElement type="wholeTable" dxfId="24"/>
    </tableStyle>
  </tableStyle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microsoft.com/office/2006/relationships/vbaProject" Target="vbaProject.bin"/><Relationship Id="rId5" Type="http://schemas.openxmlformats.org/officeDocument/2006/relationships/sharedStrings" Target="sharedStrings.xml"/><Relationship Id="rId4" Type="http://schemas.openxmlformats.org/officeDocument/2006/relationships/styles" Target="styles.xml"/></Relationships>
</file>

<file path=xl/tables/table1.xml><?xml version="1.0" encoding="utf-8"?>
<table xmlns="http://schemas.openxmlformats.org/spreadsheetml/2006/main" id="1" name="Table1" displayName="Table1" ref="A1:V289" totalsRowShown="0" headerRowDxfId="23" dataDxfId="22">
  <autoFilter ref="A1:V289"/>
  <tableColumns count="22">
    <tableColumn id="1" name="Channel" dataDxfId="21"/>
    <tableColumn id="2" name="TX Date" dataDxfId="20"/>
    <tableColumn id="3" name="Day" dataDxfId="19"/>
    <tableColumn id="4" name="TX Time" dataDxfId="18"/>
    <tableColumn id="5" name="Series Title" dataDxfId="17"/>
    <tableColumn id="6" name="Episode Title" dataDxfId="16"/>
    <tableColumn id="7" name="Episode No" dataDxfId="15"/>
    <tableColumn id="8" name="Season" dataDxfId="14"/>
    <tableColumn id="9" name="Cast Info" dataDxfId="13"/>
    <tableColumn id="10" name="Synopsis" dataDxfId="12"/>
    <tableColumn id="11" name="Programme Type" dataDxfId="11"/>
    <tableColumn id="12" name="Genre" dataDxfId="10"/>
    <tableColumn id="13" name="Production Country" dataDxfId="9"/>
    <tableColumn id="14" name="Production Year" dataDxfId="8"/>
    <tableColumn id="15" name="Duration" dataDxfId="7"/>
    <tableColumn id="16" name="IDSubtitle" dataDxfId="6"/>
    <tableColumn id="17" name="Sound" dataDxfId="5"/>
    <tableColumn id="18" name="Programme Format" dataDxfId="4"/>
    <tableColumn id="19" name="TX ID" dataDxfId="3"/>
    <tableColumn id="20" name="Inedit" dataDxfId="2"/>
    <tableColumn id="21" name="LSF" dataDxfId="1"/>
    <tableColumn id="22" name="Audio Described" dataDxfId="0"/>
  </tableColumns>
  <tableStyleInfo name="Table Style 1" showFirstColumn="0" showLastColumn="0" showRowStripes="1" showColumnStripes="0"/>
</table>
</file>

<file path=xl/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table" Target="../tables/table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
  <dimension ref="A1:V290"/>
  <sheetViews>
    <sheetView tabSelected="1" zoomScale="82" zoomScaleNormal="82" workbookViewId="0">
      <selection activeCell="J25" sqref="J25"/>
    </sheetView>
  </sheetViews>
  <sheetFormatPr defaultRowHeight="15" x14ac:dyDescent="0.25"/>
  <cols>
    <col min="1" max="1" width="4.85546875" customWidth="1"/>
    <col min="2" max="2" width="10.5703125" customWidth="1"/>
    <col min="3" max="3" width="7.5703125" customWidth="1"/>
    <col min="4" max="4" width="10.5703125" customWidth="1"/>
    <col min="5" max="5" width="55.42578125" customWidth="1"/>
    <col min="6" max="6" width="44.28515625" customWidth="1"/>
    <col min="7" max="8" width="4.85546875" customWidth="1"/>
    <col min="9" max="9" width="11" customWidth="1"/>
    <col min="10" max="10" width="78.5703125" customWidth="1"/>
    <col min="11" max="11" width="13.7109375" customWidth="1"/>
    <col min="12" max="12" width="11.85546875" customWidth="1"/>
    <col min="13" max="13" width="12.28515625" customWidth="1"/>
    <col min="14" max="14" width="11.5703125" customWidth="1"/>
    <col min="15" max="15" width="10.5703125" customWidth="1"/>
    <col min="16" max="16" width="39.7109375" customWidth="1"/>
    <col min="17" max="17" width="9.5703125" customWidth="1"/>
    <col min="18" max="18" width="4.85546875" customWidth="1"/>
    <col min="19" max="19" width="16.7109375" customWidth="1"/>
    <col min="20" max="20" width="10.140625" customWidth="1"/>
    <col min="21" max="22" width="4.85546875" customWidth="1"/>
  </cols>
  <sheetData>
    <row r="1" spans="1:22" s="1" customFormat="1" x14ac:dyDescent="0.25">
      <c r="A1" s="2" t="s">
        <v>0</v>
      </c>
      <c r="B1" s="2" t="s">
        <v>1</v>
      </c>
      <c r="C1" s="2" t="s">
        <v>2</v>
      </c>
      <c r="D1" s="2" t="s">
        <v>3</v>
      </c>
      <c r="E1" s="2" t="s">
        <v>4</v>
      </c>
      <c r="F1" s="2" t="s">
        <v>5</v>
      </c>
      <c r="G1" s="2" t="s">
        <v>6</v>
      </c>
      <c r="H1" s="2" t="s">
        <v>7</v>
      </c>
      <c r="I1" s="2" t="s">
        <v>8</v>
      </c>
      <c r="J1" s="2" t="s">
        <v>9</v>
      </c>
      <c r="K1" s="2" t="s">
        <v>10</v>
      </c>
      <c r="L1" s="2" t="s">
        <v>11</v>
      </c>
      <c r="M1" s="2" t="s">
        <v>12</v>
      </c>
      <c r="N1" s="2" t="s">
        <v>13</v>
      </c>
      <c r="O1" s="2" t="s">
        <v>14</v>
      </c>
      <c r="P1" s="2" t="s">
        <v>15</v>
      </c>
      <c r="Q1" s="2" t="s">
        <v>16</v>
      </c>
      <c r="R1" s="2" t="s">
        <v>17</v>
      </c>
      <c r="S1" s="2" t="s">
        <v>18</v>
      </c>
      <c r="T1" s="2" t="s">
        <v>19</v>
      </c>
      <c r="U1" s="2" t="s">
        <v>20</v>
      </c>
      <c r="V1" s="2" t="s">
        <v>21</v>
      </c>
    </row>
    <row r="2" spans="1:22" x14ac:dyDescent="0.25">
      <c r="A2" s="3" t="s">
        <v>22</v>
      </c>
      <c r="B2" s="4" t="s">
        <v>23</v>
      </c>
      <c r="C2" s="3" t="s">
        <v>24</v>
      </c>
      <c r="D2" s="5" t="s">
        <v>25</v>
      </c>
      <c r="E2" s="3" t="s">
        <v>26</v>
      </c>
      <c r="F2" s="3" t="s">
        <v>27</v>
      </c>
      <c r="G2" s="3" t="s">
        <v>28</v>
      </c>
      <c r="H2" s="3" t="s">
        <v>29</v>
      </c>
      <c r="I2" s="3" t="s">
        <v>30</v>
      </c>
      <c r="J2" s="3" t="s">
        <v>31</v>
      </c>
      <c r="K2" s="3" t="s">
        <v>32</v>
      </c>
      <c r="L2" s="3" t="s">
        <v>33</v>
      </c>
      <c r="M2" s="3" t="s">
        <v>34</v>
      </c>
      <c r="N2" s="3" t="s">
        <v>35</v>
      </c>
      <c r="O2" s="3" t="s">
        <v>36</v>
      </c>
      <c r="P2" s="3" t="s">
        <v>37</v>
      </c>
      <c r="Q2" s="3" t="s">
        <v>37</v>
      </c>
      <c r="R2" s="3" t="s">
        <v>38</v>
      </c>
      <c r="S2" s="3" t="s">
        <v>39</v>
      </c>
      <c r="T2" s="3" t="s">
        <v>37</v>
      </c>
      <c r="U2" s="3" t="s">
        <v>37</v>
      </c>
      <c r="V2" s="3" t="s">
        <v>37</v>
      </c>
    </row>
    <row r="3" spans="1:22" x14ac:dyDescent="0.25">
      <c r="A3" s="3" t="s">
        <v>22</v>
      </c>
      <c r="B3" s="4" t="s">
        <v>23</v>
      </c>
      <c r="C3" s="3" t="s">
        <v>24</v>
      </c>
      <c r="D3" s="5" t="s">
        <v>40</v>
      </c>
      <c r="E3" s="3" t="s">
        <v>26</v>
      </c>
      <c r="F3" s="3" t="s">
        <v>41</v>
      </c>
      <c r="G3" s="3" t="s">
        <v>42</v>
      </c>
      <c r="H3" s="3" t="s">
        <v>29</v>
      </c>
      <c r="I3" s="3" t="s">
        <v>30</v>
      </c>
      <c r="J3" s="3" t="s">
        <v>43</v>
      </c>
      <c r="K3" s="3" t="s">
        <v>32</v>
      </c>
      <c r="L3" s="3" t="s">
        <v>33</v>
      </c>
      <c r="M3" s="3" t="s">
        <v>34</v>
      </c>
      <c r="N3" s="3" t="s">
        <v>35</v>
      </c>
      <c r="O3" s="3" t="s">
        <v>36</v>
      </c>
      <c r="P3" s="3" t="s">
        <v>37</v>
      </c>
      <c r="Q3" s="3" t="s">
        <v>37</v>
      </c>
      <c r="R3" s="3" t="s">
        <v>38</v>
      </c>
      <c r="S3" s="3" t="s">
        <v>44</v>
      </c>
      <c r="T3" s="3" t="s">
        <v>37</v>
      </c>
      <c r="U3" s="3" t="s">
        <v>37</v>
      </c>
      <c r="V3" s="3" t="s">
        <v>37</v>
      </c>
    </row>
    <row r="4" spans="1:22" x14ac:dyDescent="0.25">
      <c r="A4" s="3" t="s">
        <v>22</v>
      </c>
      <c r="B4" s="4" t="s">
        <v>23</v>
      </c>
      <c r="C4" s="3" t="s">
        <v>24</v>
      </c>
      <c r="D4" s="5" t="s">
        <v>45</v>
      </c>
      <c r="E4" s="3" t="s">
        <v>46</v>
      </c>
      <c r="F4" s="3" t="s">
        <v>47</v>
      </c>
      <c r="G4" s="3" t="s">
        <v>48</v>
      </c>
      <c r="H4" s="3" t="s">
        <v>29</v>
      </c>
      <c r="I4" s="3" t="s">
        <v>49</v>
      </c>
      <c r="J4" s="3" t="s">
        <v>50</v>
      </c>
      <c r="K4" s="3" t="s">
        <v>32</v>
      </c>
      <c r="L4" s="3" t="s">
        <v>33</v>
      </c>
      <c r="M4" s="3" t="s">
        <v>34</v>
      </c>
      <c r="N4" s="3" t="s">
        <v>51</v>
      </c>
      <c r="O4" s="3" t="s">
        <v>52</v>
      </c>
      <c r="P4" s="3" t="s">
        <v>53</v>
      </c>
      <c r="Q4" s="3" t="s">
        <v>37</v>
      </c>
      <c r="R4" s="3" t="s">
        <v>38</v>
      </c>
      <c r="S4" s="3" t="s">
        <v>54</v>
      </c>
      <c r="T4" s="3" t="s">
        <v>37</v>
      </c>
      <c r="U4" s="3" t="s">
        <v>37</v>
      </c>
      <c r="V4" s="3" t="s">
        <v>37</v>
      </c>
    </row>
    <row r="5" spans="1:22" x14ac:dyDescent="0.25">
      <c r="A5" s="3" t="s">
        <v>22</v>
      </c>
      <c r="B5" s="4" t="s">
        <v>23</v>
      </c>
      <c r="C5" s="3" t="s">
        <v>24</v>
      </c>
      <c r="D5" s="5" t="s">
        <v>55</v>
      </c>
      <c r="E5" s="3" t="s">
        <v>46</v>
      </c>
      <c r="F5" s="3" t="s">
        <v>56</v>
      </c>
      <c r="G5" s="3" t="s">
        <v>57</v>
      </c>
      <c r="H5" s="3" t="s">
        <v>29</v>
      </c>
      <c r="I5" s="3" t="s">
        <v>49</v>
      </c>
      <c r="J5" s="3" t="s">
        <v>58</v>
      </c>
      <c r="K5" s="3" t="s">
        <v>32</v>
      </c>
      <c r="L5" s="3" t="s">
        <v>33</v>
      </c>
      <c r="M5" s="3" t="s">
        <v>34</v>
      </c>
      <c r="N5" s="3" t="s">
        <v>51</v>
      </c>
      <c r="O5" s="3" t="s">
        <v>52</v>
      </c>
      <c r="P5" s="3" t="s">
        <v>53</v>
      </c>
      <c r="Q5" s="3" t="s">
        <v>37</v>
      </c>
      <c r="R5" s="3" t="s">
        <v>38</v>
      </c>
      <c r="S5" s="3" t="s">
        <v>59</v>
      </c>
      <c r="T5" s="3" t="s">
        <v>37</v>
      </c>
      <c r="U5" s="3" t="s">
        <v>37</v>
      </c>
      <c r="V5" s="3" t="s">
        <v>37</v>
      </c>
    </row>
    <row r="6" spans="1:22" x14ac:dyDescent="0.25">
      <c r="A6" s="3" t="s">
        <v>22</v>
      </c>
      <c r="B6" s="4" t="s">
        <v>23</v>
      </c>
      <c r="C6" s="3" t="s">
        <v>24</v>
      </c>
      <c r="D6" s="5" t="s">
        <v>60</v>
      </c>
      <c r="E6" s="3" t="s">
        <v>61</v>
      </c>
      <c r="F6" s="3" t="s">
        <v>62</v>
      </c>
      <c r="G6" s="3" t="s">
        <v>63</v>
      </c>
      <c r="H6" s="3" t="s">
        <v>64</v>
      </c>
      <c r="I6" s="3" t="s">
        <v>37</v>
      </c>
      <c r="J6" s="3" t="s">
        <v>65</v>
      </c>
      <c r="K6" s="3" t="s">
        <v>32</v>
      </c>
      <c r="L6" s="3" t="s">
        <v>33</v>
      </c>
      <c r="M6" s="3" t="s">
        <v>66</v>
      </c>
      <c r="N6" s="3" t="s">
        <v>67</v>
      </c>
      <c r="O6" s="3" t="s">
        <v>52</v>
      </c>
      <c r="P6" s="3" t="s">
        <v>53</v>
      </c>
      <c r="Q6" s="3" t="s">
        <v>37</v>
      </c>
      <c r="R6" s="3" t="s">
        <v>38</v>
      </c>
      <c r="S6" s="3" t="s">
        <v>68</v>
      </c>
      <c r="T6" s="3" t="s">
        <v>37</v>
      </c>
      <c r="U6" s="3" t="s">
        <v>37</v>
      </c>
      <c r="V6" s="3" t="s">
        <v>37</v>
      </c>
    </row>
    <row r="7" spans="1:22" x14ac:dyDescent="0.25">
      <c r="A7" s="3" t="s">
        <v>22</v>
      </c>
      <c r="B7" s="4" t="s">
        <v>23</v>
      </c>
      <c r="C7" s="3" t="s">
        <v>24</v>
      </c>
      <c r="D7" s="5" t="s">
        <v>73</v>
      </c>
      <c r="E7" s="3" t="s">
        <v>74</v>
      </c>
      <c r="F7" s="3" t="s">
        <v>75</v>
      </c>
      <c r="G7" s="3" t="s">
        <v>76</v>
      </c>
      <c r="H7" s="3" t="s">
        <v>77</v>
      </c>
      <c r="I7" s="3" t="s">
        <v>37</v>
      </c>
      <c r="J7" s="3" t="s">
        <v>78</v>
      </c>
      <c r="K7" s="3" t="s">
        <v>32</v>
      </c>
      <c r="L7" s="3" t="s">
        <v>33</v>
      </c>
      <c r="M7" s="3" t="s">
        <v>66</v>
      </c>
      <c r="N7" s="3" t="s">
        <v>79</v>
      </c>
      <c r="O7" s="3" t="s">
        <v>80</v>
      </c>
      <c r="P7" s="3" t="s">
        <v>53</v>
      </c>
      <c r="Q7" s="3" t="s">
        <v>37</v>
      </c>
      <c r="R7" s="3" t="s">
        <v>38</v>
      </c>
      <c r="S7" s="3" t="s">
        <v>81</v>
      </c>
      <c r="T7" s="3" t="s">
        <v>37</v>
      </c>
      <c r="U7" s="3" t="s">
        <v>37</v>
      </c>
      <c r="V7" s="3" t="s">
        <v>37</v>
      </c>
    </row>
    <row r="8" spans="1:22" x14ac:dyDescent="0.25">
      <c r="A8" s="3" t="s">
        <v>22</v>
      </c>
      <c r="B8" s="4" t="s">
        <v>23</v>
      </c>
      <c r="C8" s="3" t="s">
        <v>24</v>
      </c>
      <c r="D8" s="5" t="s">
        <v>82</v>
      </c>
      <c r="E8" s="3" t="s">
        <v>74</v>
      </c>
      <c r="F8" s="3" t="s">
        <v>83</v>
      </c>
      <c r="G8" s="3" t="s">
        <v>84</v>
      </c>
      <c r="H8" s="3" t="s">
        <v>77</v>
      </c>
      <c r="I8" s="3" t="s">
        <v>37</v>
      </c>
      <c r="J8" s="3" t="s">
        <v>85</v>
      </c>
      <c r="K8" s="3" t="s">
        <v>32</v>
      </c>
      <c r="L8" s="3" t="s">
        <v>33</v>
      </c>
      <c r="M8" s="3" t="s">
        <v>66</v>
      </c>
      <c r="N8" s="3" t="s">
        <v>79</v>
      </c>
      <c r="O8" s="3" t="s">
        <v>52</v>
      </c>
      <c r="P8" s="3" t="s">
        <v>53</v>
      </c>
      <c r="Q8" s="3" t="s">
        <v>37</v>
      </c>
      <c r="R8" s="3" t="s">
        <v>38</v>
      </c>
      <c r="S8" s="3" t="s">
        <v>86</v>
      </c>
      <c r="T8" s="3" t="s">
        <v>37</v>
      </c>
      <c r="U8" s="3" t="s">
        <v>37</v>
      </c>
      <c r="V8" s="3" t="s">
        <v>37</v>
      </c>
    </row>
    <row r="9" spans="1:22" x14ac:dyDescent="0.25">
      <c r="A9" s="3" t="s">
        <v>22</v>
      </c>
      <c r="B9" s="4" t="s">
        <v>23</v>
      </c>
      <c r="C9" s="3" t="s">
        <v>24</v>
      </c>
      <c r="D9" s="5" t="s">
        <v>87</v>
      </c>
      <c r="E9" s="3" t="s">
        <v>46</v>
      </c>
      <c r="F9" s="3" t="s">
        <v>88</v>
      </c>
      <c r="G9" s="3" t="s">
        <v>89</v>
      </c>
      <c r="H9" s="3" t="s">
        <v>64</v>
      </c>
      <c r="I9" s="3" t="s">
        <v>49</v>
      </c>
      <c r="J9" s="3" t="s">
        <v>90</v>
      </c>
      <c r="K9" s="3" t="s">
        <v>32</v>
      </c>
      <c r="L9" s="3" t="s">
        <v>33</v>
      </c>
      <c r="M9" s="3" t="s">
        <v>34</v>
      </c>
      <c r="N9" s="3" t="s">
        <v>35</v>
      </c>
      <c r="O9" s="3" t="s">
        <v>52</v>
      </c>
      <c r="P9" s="3" t="s">
        <v>53</v>
      </c>
      <c r="Q9" s="3" t="s">
        <v>72</v>
      </c>
      <c r="R9" s="3" t="s">
        <v>38</v>
      </c>
      <c r="S9" s="3" t="s">
        <v>91</v>
      </c>
      <c r="T9" s="3" t="s">
        <v>37</v>
      </c>
      <c r="U9" s="3" t="s">
        <v>37</v>
      </c>
      <c r="V9" s="3" t="s">
        <v>37</v>
      </c>
    </row>
    <row r="10" spans="1:22" x14ac:dyDescent="0.25">
      <c r="A10" s="3" t="s">
        <v>22</v>
      </c>
      <c r="B10" s="4" t="s">
        <v>23</v>
      </c>
      <c r="C10" s="3" t="s">
        <v>24</v>
      </c>
      <c r="D10" s="5" t="s">
        <v>92</v>
      </c>
      <c r="E10" s="3" t="s">
        <v>46</v>
      </c>
      <c r="F10" s="3" t="s">
        <v>93</v>
      </c>
      <c r="G10" s="3" t="s">
        <v>94</v>
      </c>
      <c r="H10" s="3" t="s">
        <v>64</v>
      </c>
      <c r="I10" s="3" t="s">
        <v>49</v>
      </c>
      <c r="J10" s="3" t="s">
        <v>95</v>
      </c>
      <c r="K10" s="3" t="s">
        <v>32</v>
      </c>
      <c r="L10" s="3" t="s">
        <v>33</v>
      </c>
      <c r="M10" s="3" t="s">
        <v>34</v>
      </c>
      <c r="N10" s="3" t="s">
        <v>35</v>
      </c>
      <c r="O10" s="3" t="s">
        <v>52</v>
      </c>
      <c r="P10" s="3" t="s">
        <v>37</v>
      </c>
      <c r="Q10" s="3" t="s">
        <v>37</v>
      </c>
      <c r="R10" s="3" t="s">
        <v>38</v>
      </c>
      <c r="S10" s="3" t="s">
        <v>96</v>
      </c>
      <c r="T10" s="3" t="s">
        <v>37</v>
      </c>
      <c r="U10" s="3" t="s">
        <v>37</v>
      </c>
      <c r="V10" s="3" t="s">
        <v>37</v>
      </c>
    </row>
    <row r="11" spans="1:22" x14ac:dyDescent="0.25">
      <c r="A11" s="3" t="s">
        <v>22</v>
      </c>
      <c r="B11" s="4" t="s">
        <v>23</v>
      </c>
      <c r="C11" s="3" t="s">
        <v>24</v>
      </c>
      <c r="D11" s="5" t="s">
        <v>97</v>
      </c>
      <c r="E11" s="3" t="s">
        <v>46</v>
      </c>
      <c r="F11" s="3" t="s">
        <v>98</v>
      </c>
      <c r="G11" s="3" t="s">
        <v>99</v>
      </c>
      <c r="H11" s="3" t="s">
        <v>64</v>
      </c>
      <c r="I11" s="3" t="s">
        <v>49</v>
      </c>
      <c r="J11" s="3" t="s">
        <v>100</v>
      </c>
      <c r="K11" s="3" t="s">
        <v>32</v>
      </c>
      <c r="L11" s="3" t="s">
        <v>33</v>
      </c>
      <c r="M11" s="3" t="s">
        <v>34</v>
      </c>
      <c r="N11" s="3" t="s">
        <v>35</v>
      </c>
      <c r="O11" s="3" t="s">
        <v>52</v>
      </c>
      <c r="P11" s="3" t="s">
        <v>53</v>
      </c>
      <c r="Q11" s="3" t="s">
        <v>72</v>
      </c>
      <c r="R11" s="3" t="s">
        <v>38</v>
      </c>
      <c r="S11" s="3" t="s">
        <v>101</v>
      </c>
      <c r="T11" s="3" t="s">
        <v>37</v>
      </c>
      <c r="U11" s="3" t="s">
        <v>37</v>
      </c>
      <c r="V11" s="3" t="s">
        <v>37</v>
      </c>
    </row>
    <row r="12" spans="1:22" x14ac:dyDescent="0.25">
      <c r="A12" s="3" t="s">
        <v>22</v>
      </c>
      <c r="B12" s="4" t="s">
        <v>23</v>
      </c>
      <c r="C12" s="3" t="s">
        <v>24</v>
      </c>
      <c r="D12" s="5" t="s">
        <v>102</v>
      </c>
      <c r="E12" s="3" t="s">
        <v>46</v>
      </c>
      <c r="F12" s="3" t="s">
        <v>103</v>
      </c>
      <c r="G12" s="3" t="s">
        <v>104</v>
      </c>
      <c r="H12" s="3" t="s">
        <v>64</v>
      </c>
      <c r="I12" s="3" t="s">
        <v>49</v>
      </c>
      <c r="J12" s="3" t="s">
        <v>105</v>
      </c>
      <c r="K12" s="3" t="s">
        <v>32</v>
      </c>
      <c r="L12" s="3" t="s">
        <v>33</v>
      </c>
      <c r="M12" s="3" t="s">
        <v>34</v>
      </c>
      <c r="N12" s="3" t="s">
        <v>35</v>
      </c>
      <c r="O12" s="3" t="s">
        <v>52</v>
      </c>
      <c r="P12" s="3" t="s">
        <v>53</v>
      </c>
      <c r="Q12" s="3" t="s">
        <v>72</v>
      </c>
      <c r="R12" s="3" t="s">
        <v>38</v>
      </c>
      <c r="S12" s="3" t="s">
        <v>106</v>
      </c>
      <c r="T12" s="3" t="s">
        <v>37</v>
      </c>
      <c r="U12" s="3" t="s">
        <v>37</v>
      </c>
      <c r="V12" s="3" t="s">
        <v>37</v>
      </c>
    </row>
    <row r="13" spans="1:22" x14ac:dyDescent="0.25">
      <c r="A13" s="3" t="s">
        <v>22</v>
      </c>
      <c r="B13" s="4" t="s">
        <v>23</v>
      </c>
      <c r="C13" s="3" t="s">
        <v>24</v>
      </c>
      <c r="D13" s="5" t="s">
        <v>107</v>
      </c>
      <c r="E13" s="3" t="s">
        <v>46</v>
      </c>
      <c r="F13" s="3" t="s">
        <v>108</v>
      </c>
      <c r="G13" s="3" t="s">
        <v>63</v>
      </c>
      <c r="H13" s="3" t="s">
        <v>64</v>
      </c>
      <c r="I13" s="3" t="s">
        <v>49</v>
      </c>
      <c r="J13" s="3" t="s">
        <v>109</v>
      </c>
      <c r="K13" s="3" t="s">
        <v>32</v>
      </c>
      <c r="L13" s="3" t="s">
        <v>33</v>
      </c>
      <c r="M13" s="3" t="s">
        <v>34</v>
      </c>
      <c r="N13" s="3" t="s">
        <v>35</v>
      </c>
      <c r="O13" s="3" t="s">
        <v>52</v>
      </c>
      <c r="P13" s="3" t="s">
        <v>53</v>
      </c>
      <c r="Q13" s="3" t="s">
        <v>72</v>
      </c>
      <c r="R13" s="3" t="s">
        <v>38</v>
      </c>
      <c r="S13" s="3" t="s">
        <v>110</v>
      </c>
      <c r="T13" s="3" t="s">
        <v>37</v>
      </c>
      <c r="U13" s="3" t="s">
        <v>37</v>
      </c>
      <c r="V13" s="3" t="s">
        <v>37</v>
      </c>
    </row>
    <row r="14" spans="1:22" x14ac:dyDescent="0.25">
      <c r="A14" s="3" t="s">
        <v>22</v>
      </c>
      <c r="B14" s="4" t="s">
        <v>23</v>
      </c>
      <c r="C14" s="3" t="s">
        <v>24</v>
      </c>
      <c r="D14" s="5" t="s">
        <v>111</v>
      </c>
      <c r="E14" s="3" t="s">
        <v>112</v>
      </c>
      <c r="F14" s="3" t="s">
        <v>113</v>
      </c>
      <c r="G14" s="3" t="s">
        <v>63</v>
      </c>
      <c r="H14" s="3" t="s">
        <v>64</v>
      </c>
      <c r="I14" s="3" t="s">
        <v>37</v>
      </c>
      <c r="J14" s="3" t="s">
        <v>114</v>
      </c>
      <c r="K14" s="3" t="s">
        <v>32</v>
      </c>
      <c r="L14" s="3" t="s">
        <v>115</v>
      </c>
      <c r="M14" s="3" t="s">
        <v>66</v>
      </c>
      <c r="N14" s="3" t="s">
        <v>67</v>
      </c>
      <c r="O14" s="3" t="s">
        <v>80</v>
      </c>
      <c r="P14" s="3" t="s">
        <v>53</v>
      </c>
      <c r="Q14" s="3" t="s">
        <v>37</v>
      </c>
      <c r="R14" s="3" t="s">
        <v>38</v>
      </c>
      <c r="S14" s="3" t="s">
        <v>116</v>
      </c>
      <c r="T14" s="3" t="s">
        <v>37</v>
      </c>
      <c r="U14" s="3" t="s">
        <v>37</v>
      </c>
      <c r="V14" s="3" t="s">
        <v>37</v>
      </c>
    </row>
    <row r="15" spans="1:22" x14ac:dyDescent="0.25">
      <c r="A15" s="3" t="s">
        <v>22</v>
      </c>
      <c r="B15" s="4" t="s">
        <v>23</v>
      </c>
      <c r="C15" s="3" t="s">
        <v>24</v>
      </c>
      <c r="D15" s="5" t="s">
        <v>117</v>
      </c>
      <c r="E15" s="3" t="s">
        <v>118</v>
      </c>
      <c r="F15" s="3" t="s">
        <v>119</v>
      </c>
      <c r="G15" s="3" t="s">
        <v>120</v>
      </c>
      <c r="H15" s="3" t="s">
        <v>64</v>
      </c>
      <c r="I15" s="3" t="s">
        <v>121</v>
      </c>
      <c r="J15" s="3" t="s">
        <v>122</v>
      </c>
      <c r="K15" s="3" t="s">
        <v>32</v>
      </c>
      <c r="L15" s="3" t="s">
        <v>33</v>
      </c>
      <c r="M15" s="3" t="s">
        <v>66</v>
      </c>
      <c r="N15" s="3" t="s">
        <v>67</v>
      </c>
      <c r="O15" s="3" t="s">
        <v>52</v>
      </c>
      <c r="P15" s="3" t="s">
        <v>37</v>
      </c>
      <c r="Q15" s="3" t="s">
        <v>37</v>
      </c>
      <c r="R15" s="3" t="s">
        <v>38</v>
      </c>
      <c r="S15" s="3" t="s">
        <v>123</v>
      </c>
      <c r="T15" s="3" t="s">
        <v>37</v>
      </c>
      <c r="U15" s="3" t="s">
        <v>37</v>
      </c>
      <c r="V15" s="3" t="s">
        <v>37</v>
      </c>
    </row>
    <row r="16" spans="1:22" x14ac:dyDescent="0.25">
      <c r="A16" s="3" t="s">
        <v>22</v>
      </c>
      <c r="B16" s="4" t="s">
        <v>23</v>
      </c>
      <c r="C16" s="3" t="s">
        <v>24</v>
      </c>
      <c r="D16" s="5" t="s">
        <v>124</v>
      </c>
      <c r="E16" s="3" t="s">
        <v>118</v>
      </c>
      <c r="F16" s="3" t="s">
        <v>125</v>
      </c>
      <c r="G16" s="3" t="s">
        <v>29</v>
      </c>
      <c r="H16" s="3" t="s">
        <v>64</v>
      </c>
      <c r="I16" s="3" t="s">
        <v>121</v>
      </c>
      <c r="J16" s="3" t="s">
        <v>126</v>
      </c>
      <c r="K16" s="3" t="s">
        <v>32</v>
      </c>
      <c r="L16" s="3" t="s">
        <v>33</v>
      </c>
      <c r="M16" s="3" t="s">
        <v>66</v>
      </c>
      <c r="N16" s="3" t="s">
        <v>67</v>
      </c>
      <c r="O16" s="3" t="s">
        <v>127</v>
      </c>
      <c r="P16" s="3" t="s">
        <v>37</v>
      </c>
      <c r="Q16" s="3" t="s">
        <v>37</v>
      </c>
      <c r="R16" s="3" t="s">
        <v>38</v>
      </c>
      <c r="S16" s="3" t="s">
        <v>128</v>
      </c>
      <c r="T16" s="3"/>
      <c r="U16" s="3" t="s">
        <v>37</v>
      </c>
      <c r="V16" s="3" t="s">
        <v>37</v>
      </c>
    </row>
    <row r="17" spans="1:22" x14ac:dyDescent="0.25">
      <c r="A17" s="3" t="s">
        <v>22</v>
      </c>
      <c r="B17" s="4" t="s">
        <v>23</v>
      </c>
      <c r="C17" s="3" t="s">
        <v>24</v>
      </c>
      <c r="D17" s="5" t="s">
        <v>130</v>
      </c>
      <c r="E17" s="3" t="s">
        <v>46</v>
      </c>
      <c r="F17" s="3" t="s">
        <v>131</v>
      </c>
      <c r="G17" s="3" t="s">
        <v>132</v>
      </c>
      <c r="H17" s="3" t="s">
        <v>29</v>
      </c>
      <c r="I17" s="3" t="s">
        <v>49</v>
      </c>
      <c r="J17" s="3" t="s">
        <v>133</v>
      </c>
      <c r="K17" s="3" t="s">
        <v>32</v>
      </c>
      <c r="L17" s="3" t="s">
        <v>33</v>
      </c>
      <c r="M17" s="3" t="s">
        <v>34</v>
      </c>
      <c r="N17" s="3" t="s">
        <v>51</v>
      </c>
      <c r="O17" s="3" t="s">
        <v>52</v>
      </c>
      <c r="P17" s="3" t="s">
        <v>53</v>
      </c>
      <c r="Q17" s="3" t="s">
        <v>37</v>
      </c>
      <c r="R17" s="3" t="s">
        <v>38</v>
      </c>
      <c r="S17" s="3" t="s">
        <v>134</v>
      </c>
      <c r="T17" s="3" t="s">
        <v>37</v>
      </c>
      <c r="U17" s="3" t="s">
        <v>37</v>
      </c>
      <c r="V17" s="3" t="s">
        <v>37</v>
      </c>
    </row>
    <row r="18" spans="1:22" x14ac:dyDescent="0.25">
      <c r="A18" s="3" t="s">
        <v>22</v>
      </c>
      <c r="B18" s="4" t="s">
        <v>23</v>
      </c>
      <c r="C18" s="3" t="s">
        <v>24</v>
      </c>
      <c r="D18" s="5" t="s">
        <v>135</v>
      </c>
      <c r="E18" s="3" t="s">
        <v>46</v>
      </c>
      <c r="F18" s="3" t="s">
        <v>136</v>
      </c>
      <c r="G18" s="3" t="s">
        <v>137</v>
      </c>
      <c r="H18" s="3" t="s">
        <v>29</v>
      </c>
      <c r="I18" s="3" t="s">
        <v>49</v>
      </c>
      <c r="J18" s="3" t="s">
        <v>138</v>
      </c>
      <c r="K18" s="3" t="s">
        <v>32</v>
      </c>
      <c r="L18" s="3" t="s">
        <v>33</v>
      </c>
      <c r="M18" s="3" t="s">
        <v>34</v>
      </c>
      <c r="N18" s="3" t="s">
        <v>51</v>
      </c>
      <c r="O18" s="3" t="s">
        <v>52</v>
      </c>
      <c r="P18" s="3" t="s">
        <v>53</v>
      </c>
      <c r="Q18" s="3" t="s">
        <v>37</v>
      </c>
      <c r="R18" s="3" t="s">
        <v>38</v>
      </c>
      <c r="S18" s="3" t="s">
        <v>139</v>
      </c>
      <c r="T18" s="3" t="s">
        <v>37</v>
      </c>
      <c r="U18" s="3" t="s">
        <v>37</v>
      </c>
      <c r="V18" s="3" t="s">
        <v>37</v>
      </c>
    </row>
    <row r="19" spans="1:22" x14ac:dyDescent="0.25">
      <c r="A19" s="3" t="s">
        <v>22</v>
      </c>
      <c r="B19" s="4" t="s">
        <v>23</v>
      </c>
      <c r="C19" s="3" t="s">
        <v>24</v>
      </c>
      <c r="D19" s="5" t="s">
        <v>140</v>
      </c>
      <c r="E19" s="3" t="s">
        <v>141</v>
      </c>
      <c r="F19" s="3" t="s">
        <v>142</v>
      </c>
      <c r="G19" s="3" t="s">
        <v>143</v>
      </c>
      <c r="H19" s="3" t="s">
        <v>77</v>
      </c>
      <c r="I19" s="3" t="s">
        <v>37</v>
      </c>
      <c r="J19" s="3" t="s">
        <v>144</v>
      </c>
      <c r="K19" s="3" t="s">
        <v>32</v>
      </c>
      <c r="L19" s="3" t="s">
        <v>33</v>
      </c>
      <c r="M19" s="3" t="s">
        <v>66</v>
      </c>
      <c r="N19" s="3" t="s">
        <v>79</v>
      </c>
      <c r="O19" s="3" t="s">
        <v>36</v>
      </c>
      <c r="P19" s="3" t="s">
        <v>37</v>
      </c>
      <c r="Q19" s="3" t="s">
        <v>37</v>
      </c>
      <c r="R19" s="3" t="s">
        <v>38</v>
      </c>
      <c r="S19" s="3" t="s">
        <v>145</v>
      </c>
      <c r="T19" s="3" t="s">
        <v>37</v>
      </c>
      <c r="U19" s="3" t="s">
        <v>37</v>
      </c>
      <c r="V19" s="3" t="s">
        <v>37</v>
      </c>
    </row>
    <row r="20" spans="1:22" x14ac:dyDescent="0.25">
      <c r="A20" s="3" t="s">
        <v>22</v>
      </c>
      <c r="B20" s="4" t="s">
        <v>23</v>
      </c>
      <c r="C20" s="3" t="s">
        <v>24</v>
      </c>
      <c r="D20" s="5" t="s">
        <v>146</v>
      </c>
      <c r="E20" s="3" t="s">
        <v>141</v>
      </c>
      <c r="F20" s="3" t="s">
        <v>147</v>
      </c>
      <c r="G20" s="3" t="s">
        <v>148</v>
      </c>
      <c r="H20" s="3" t="s">
        <v>77</v>
      </c>
      <c r="I20" s="3" t="s">
        <v>37</v>
      </c>
      <c r="J20" s="3" t="s">
        <v>149</v>
      </c>
      <c r="K20" s="3" t="s">
        <v>32</v>
      </c>
      <c r="L20" s="3" t="s">
        <v>33</v>
      </c>
      <c r="M20" s="3" t="s">
        <v>66</v>
      </c>
      <c r="N20" s="3" t="s">
        <v>79</v>
      </c>
      <c r="O20" s="3" t="s">
        <v>150</v>
      </c>
      <c r="P20" s="3" t="s">
        <v>37</v>
      </c>
      <c r="Q20" s="3" t="s">
        <v>37</v>
      </c>
      <c r="R20" s="3" t="s">
        <v>38</v>
      </c>
      <c r="S20" s="3" t="s">
        <v>151</v>
      </c>
      <c r="T20" s="3" t="s">
        <v>37</v>
      </c>
      <c r="U20" s="3" t="s">
        <v>37</v>
      </c>
      <c r="V20" s="3" t="s">
        <v>37</v>
      </c>
    </row>
    <row r="21" spans="1:22" x14ac:dyDescent="0.25">
      <c r="A21" s="3" t="s">
        <v>22</v>
      </c>
      <c r="B21" s="4" t="s">
        <v>23</v>
      </c>
      <c r="C21" s="3" t="s">
        <v>24</v>
      </c>
      <c r="D21" s="5" t="s">
        <v>154</v>
      </c>
      <c r="E21" s="3" t="s">
        <v>155</v>
      </c>
      <c r="F21" s="3" t="s">
        <v>156</v>
      </c>
      <c r="G21" s="3" t="s">
        <v>157</v>
      </c>
      <c r="H21" s="3" t="s">
        <v>64</v>
      </c>
      <c r="I21" s="3" t="s">
        <v>158</v>
      </c>
      <c r="J21" s="3" t="s">
        <v>159</v>
      </c>
      <c r="K21" s="3" t="s">
        <v>32</v>
      </c>
      <c r="L21" s="3" t="s">
        <v>33</v>
      </c>
      <c r="M21" s="3" t="s">
        <v>34</v>
      </c>
      <c r="N21" s="3" t="s">
        <v>160</v>
      </c>
      <c r="O21" s="3" t="s">
        <v>161</v>
      </c>
      <c r="P21" s="3" t="s">
        <v>37</v>
      </c>
      <c r="Q21" s="3" t="s">
        <v>37</v>
      </c>
      <c r="R21" s="3" t="s">
        <v>38</v>
      </c>
      <c r="S21" s="3" t="s">
        <v>162</v>
      </c>
      <c r="T21" s="3" t="s">
        <v>37</v>
      </c>
      <c r="U21" s="3" t="s">
        <v>37</v>
      </c>
      <c r="V21" s="3" t="s">
        <v>37</v>
      </c>
    </row>
    <row r="22" spans="1:22" x14ac:dyDescent="0.25">
      <c r="A22" s="3" t="s">
        <v>22</v>
      </c>
      <c r="B22" s="4" t="s">
        <v>23</v>
      </c>
      <c r="C22" s="3" t="s">
        <v>24</v>
      </c>
      <c r="D22" s="5" t="s">
        <v>163</v>
      </c>
      <c r="E22" s="3" t="s">
        <v>155</v>
      </c>
      <c r="F22" s="3" t="s">
        <v>164</v>
      </c>
      <c r="G22" s="3" t="s">
        <v>165</v>
      </c>
      <c r="H22" s="3" t="s">
        <v>64</v>
      </c>
      <c r="I22" s="3" t="s">
        <v>158</v>
      </c>
      <c r="J22" s="3" t="s">
        <v>166</v>
      </c>
      <c r="K22" s="3" t="s">
        <v>32</v>
      </c>
      <c r="L22" s="3" t="s">
        <v>33</v>
      </c>
      <c r="M22" s="3" t="s">
        <v>34</v>
      </c>
      <c r="N22" s="3" t="s">
        <v>160</v>
      </c>
      <c r="O22" s="3" t="s">
        <v>161</v>
      </c>
      <c r="P22" s="3" t="s">
        <v>37</v>
      </c>
      <c r="Q22" s="3" t="s">
        <v>37</v>
      </c>
      <c r="R22" s="3" t="s">
        <v>38</v>
      </c>
      <c r="S22" s="3" t="s">
        <v>167</v>
      </c>
      <c r="T22" s="3" t="s">
        <v>37</v>
      </c>
      <c r="U22" s="3" t="s">
        <v>37</v>
      </c>
      <c r="V22" s="3" t="s">
        <v>37</v>
      </c>
    </row>
    <row r="23" spans="1:22" x14ac:dyDescent="0.25">
      <c r="A23" s="3" t="s">
        <v>22</v>
      </c>
      <c r="B23" s="4" t="s">
        <v>23</v>
      </c>
      <c r="C23" s="3" t="s">
        <v>24</v>
      </c>
      <c r="D23" s="5" t="s">
        <v>168</v>
      </c>
      <c r="E23" s="3" t="s">
        <v>155</v>
      </c>
      <c r="F23" s="3" t="s">
        <v>169</v>
      </c>
      <c r="G23" s="3" t="s">
        <v>170</v>
      </c>
      <c r="H23" s="3" t="s">
        <v>64</v>
      </c>
      <c r="I23" s="3" t="s">
        <v>158</v>
      </c>
      <c r="J23" s="3" t="s">
        <v>171</v>
      </c>
      <c r="K23" s="3" t="s">
        <v>32</v>
      </c>
      <c r="L23" s="3" t="s">
        <v>33</v>
      </c>
      <c r="M23" s="3" t="s">
        <v>34</v>
      </c>
      <c r="N23" s="3" t="s">
        <v>160</v>
      </c>
      <c r="O23" s="3" t="s">
        <v>161</v>
      </c>
      <c r="P23" s="3" t="s">
        <v>37</v>
      </c>
      <c r="Q23" s="3" t="s">
        <v>37</v>
      </c>
      <c r="R23" s="3" t="s">
        <v>38</v>
      </c>
      <c r="S23" s="3" t="s">
        <v>172</v>
      </c>
      <c r="T23" s="3" t="s">
        <v>37</v>
      </c>
      <c r="U23" s="3" t="s">
        <v>37</v>
      </c>
      <c r="V23" s="3" t="s">
        <v>37</v>
      </c>
    </row>
    <row r="24" spans="1:22" x14ac:dyDescent="0.25">
      <c r="A24" s="3" t="s">
        <v>22</v>
      </c>
      <c r="B24" s="4" t="s">
        <v>23</v>
      </c>
      <c r="C24" s="3" t="s">
        <v>24</v>
      </c>
      <c r="D24" s="5" t="s">
        <v>173</v>
      </c>
      <c r="E24" s="3" t="s">
        <v>74</v>
      </c>
      <c r="F24" s="3" t="s">
        <v>174</v>
      </c>
      <c r="G24" s="3" t="s">
        <v>143</v>
      </c>
      <c r="H24" s="3" t="s">
        <v>77</v>
      </c>
      <c r="I24" s="3" t="s">
        <v>37</v>
      </c>
      <c r="J24" s="3" t="s">
        <v>175</v>
      </c>
      <c r="K24" s="3" t="s">
        <v>32</v>
      </c>
      <c r="L24" s="3" t="s">
        <v>33</v>
      </c>
      <c r="M24" s="3" t="s">
        <v>66</v>
      </c>
      <c r="N24" s="3" t="s">
        <v>79</v>
      </c>
      <c r="O24" s="3" t="s">
        <v>52</v>
      </c>
      <c r="P24" s="3" t="s">
        <v>53</v>
      </c>
      <c r="Q24" s="3" t="s">
        <v>37</v>
      </c>
      <c r="R24" s="3" t="s">
        <v>38</v>
      </c>
      <c r="S24" s="3" t="s">
        <v>176</v>
      </c>
      <c r="T24" s="3" t="s">
        <v>37</v>
      </c>
      <c r="U24" s="3" t="s">
        <v>37</v>
      </c>
      <c r="V24" s="3" t="s">
        <v>37</v>
      </c>
    </row>
    <row r="25" spans="1:22" x14ac:dyDescent="0.25">
      <c r="A25" s="3" t="s">
        <v>22</v>
      </c>
      <c r="B25" s="4" t="s">
        <v>23</v>
      </c>
      <c r="C25" s="3" t="s">
        <v>24</v>
      </c>
      <c r="D25" s="5" t="s">
        <v>177</v>
      </c>
      <c r="E25" s="3" t="s">
        <v>74</v>
      </c>
      <c r="F25" s="3" t="s">
        <v>178</v>
      </c>
      <c r="G25" s="3" t="s">
        <v>179</v>
      </c>
      <c r="H25" s="3" t="s">
        <v>77</v>
      </c>
      <c r="I25" s="3" t="s">
        <v>37</v>
      </c>
      <c r="J25" s="3" t="s">
        <v>180</v>
      </c>
      <c r="K25" s="3" t="s">
        <v>32</v>
      </c>
      <c r="L25" s="3" t="s">
        <v>33</v>
      </c>
      <c r="M25" s="3" t="s">
        <v>66</v>
      </c>
      <c r="N25" s="3" t="s">
        <v>79</v>
      </c>
      <c r="O25" s="3" t="s">
        <v>52</v>
      </c>
      <c r="P25" s="3" t="s">
        <v>53</v>
      </c>
      <c r="Q25" s="3" t="s">
        <v>37</v>
      </c>
      <c r="R25" s="3" t="s">
        <v>38</v>
      </c>
      <c r="S25" s="3" t="s">
        <v>181</v>
      </c>
      <c r="T25" s="3" t="s">
        <v>37</v>
      </c>
      <c r="U25" s="3" t="s">
        <v>37</v>
      </c>
      <c r="V25" s="3" t="s">
        <v>37</v>
      </c>
    </row>
    <row r="26" spans="1:22" x14ac:dyDescent="0.25">
      <c r="A26" s="3" t="s">
        <v>22</v>
      </c>
      <c r="B26" s="4" t="s">
        <v>23</v>
      </c>
      <c r="C26" s="3" t="s">
        <v>24</v>
      </c>
      <c r="D26" s="5" t="s">
        <v>182</v>
      </c>
      <c r="E26" s="3" t="s">
        <v>46</v>
      </c>
      <c r="F26" s="3" t="s">
        <v>183</v>
      </c>
      <c r="G26" s="3" t="s">
        <v>184</v>
      </c>
      <c r="H26" s="3" t="s">
        <v>29</v>
      </c>
      <c r="I26" s="3" t="s">
        <v>49</v>
      </c>
      <c r="J26" s="3" t="s">
        <v>185</v>
      </c>
      <c r="K26" s="3" t="s">
        <v>32</v>
      </c>
      <c r="L26" s="3" t="s">
        <v>33</v>
      </c>
      <c r="M26" s="3" t="s">
        <v>34</v>
      </c>
      <c r="N26" s="3" t="s">
        <v>51</v>
      </c>
      <c r="O26" s="3" t="s">
        <v>52</v>
      </c>
      <c r="P26" s="3" t="s">
        <v>37</v>
      </c>
      <c r="Q26" s="3" t="s">
        <v>37</v>
      </c>
      <c r="R26" s="3" t="s">
        <v>38</v>
      </c>
      <c r="S26" s="3" t="s">
        <v>186</v>
      </c>
      <c r="T26" s="3" t="s">
        <v>37</v>
      </c>
      <c r="U26" s="3" t="s">
        <v>37</v>
      </c>
      <c r="V26" s="3" t="s">
        <v>37</v>
      </c>
    </row>
    <row r="27" spans="1:22" x14ac:dyDescent="0.25">
      <c r="A27" s="3" t="s">
        <v>22</v>
      </c>
      <c r="B27" s="4" t="s">
        <v>23</v>
      </c>
      <c r="C27" s="3" t="s">
        <v>24</v>
      </c>
      <c r="D27" s="5" t="s">
        <v>187</v>
      </c>
      <c r="E27" s="3" t="s">
        <v>46</v>
      </c>
      <c r="F27" s="3" t="s">
        <v>188</v>
      </c>
      <c r="G27" s="3" t="s">
        <v>189</v>
      </c>
      <c r="H27" s="3" t="s">
        <v>29</v>
      </c>
      <c r="I27" s="3" t="s">
        <v>49</v>
      </c>
      <c r="J27" s="3" t="s">
        <v>190</v>
      </c>
      <c r="K27" s="3" t="s">
        <v>32</v>
      </c>
      <c r="L27" s="3" t="s">
        <v>33</v>
      </c>
      <c r="M27" s="3" t="s">
        <v>34</v>
      </c>
      <c r="N27" s="3" t="s">
        <v>51</v>
      </c>
      <c r="O27" s="3" t="s">
        <v>52</v>
      </c>
      <c r="P27" s="3" t="s">
        <v>53</v>
      </c>
      <c r="Q27" s="3" t="s">
        <v>37</v>
      </c>
      <c r="R27" s="3" t="s">
        <v>38</v>
      </c>
      <c r="S27" s="3" t="s">
        <v>191</v>
      </c>
      <c r="T27" s="3" t="s">
        <v>37</v>
      </c>
      <c r="U27" s="3" t="s">
        <v>37</v>
      </c>
      <c r="V27" s="3" t="s">
        <v>37</v>
      </c>
    </row>
    <row r="28" spans="1:22" x14ac:dyDescent="0.25">
      <c r="A28" s="3" t="s">
        <v>22</v>
      </c>
      <c r="B28" s="4" t="s">
        <v>23</v>
      </c>
      <c r="C28" s="3" t="s">
        <v>24</v>
      </c>
      <c r="D28" s="5" t="s">
        <v>192</v>
      </c>
      <c r="E28" s="3" t="s">
        <v>193</v>
      </c>
      <c r="F28" s="3" t="s">
        <v>194</v>
      </c>
      <c r="G28" s="3" t="s">
        <v>195</v>
      </c>
      <c r="H28" s="3" t="s">
        <v>29</v>
      </c>
      <c r="I28" s="3" t="s">
        <v>37</v>
      </c>
      <c r="J28" s="3" t="s">
        <v>196</v>
      </c>
      <c r="K28" s="3" t="s">
        <v>32</v>
      </c>
      <c r="L28" s="3" t="s">
        <v>115</v>
      </c>
      <c r="M28" s="3" t="s">
        <v>66</v>
      </c>
      <c r="N28" s="3" t="s">
        <v>79</v>
      </c>
      <c r="O28" s="3" t="s">
        <v>36</v>
      </c>
      <c r="P28" s="3" t="s">
        <v>53</v>
      </c>
      <c r="Q28" s="3" t="s">
        <v>37</v>
      </c>
      <c r="R28" s="3" t="s">
        <v>38</v>
      </c>
      <c r="S28" s="3" t="s">
        <v>197</v>
      </c>
      <c r="T28" s="3" t="s">
        <v>129</v>
      </c>
      <c r="U28" s="3" t="s">
        <v>37</v>
      </c>
      <c r="V28" s="3" t="s">
        <v>37</v>
      </c>
    </row>
    <row r="29" spans="1:22" x14ac:dyDescent="0.25">
      <c r="A29" s="3" t="s">
        <v>22</v>
      </c>
      <c r="B29" s="4" t="s">
        <v>23</v>
      </c>
      <c r="C29" s="3" t="s">
        <v>24</v>
      </c>
      <c r="D29" s="5" t="s">
        <v>198</v>
      </c>
      <c r="E29" s="3" t="s">
        <v>193</v>
      </c>
      <c r="F29" s="3" t="s">
        <v>199</v>
      </c>
      <c r="G29" s="3" t="s">
        <v>200</v>
      </c>
      <c r="H29" s="3" t="s">
        <v>29</v>
      </c>
      <c r="I29" s="3" t="s">
        <v>37</v>
      </c>
      <c r="J29" s="3" t="s">
        <v>201</v>
      </c>
      <c r="K29" s="3" t="s">
        <v>32</v>
      </c>
      <c r="L29" s="3" t="s">
        <v>115</v>
      </c>
      <c r="M29" s="3" t="s">
        <v>66</v>
      </c>
      <c r="N29" s="3" t="s">
        <v>79</v>
      </c>
      <c r="O29" s="3" t="s">
        <v>36</v>
      </c>
      <c r="P29" s="3" t="s">
        <v>37</v>
      </c>
      <c r="Q29" s="3" t="s">
        <v>37</v>
      </c>
      <c r="R29" s="3" t="s">
        <v>38</v>
      </c>
      <c r="S29" s="3" t="s">
        <v>202</v>
      </c>
      <c r="T29" s="3" t="s">
        <v>129</v>
      </c>
      <c r="U29" s="3" t="s">
        <v>37</v>
      </c>
      <c r="V29" s="3" t="s">
        <v>37</v>
      </c>
    </row>
    <row r="30" spans="1:22" x14ac:dyDescent="0.25">
      <c r="A30" s="3" t="s">
        <v>22</v>
      </c>
      <c r="B30" s="4" t="s">
        <v>23</v>
      </c>
      <c r="C30" s="3" t="s">
        <v>24</v>
      </c>
      <c r="D30" s="5" t="s">
        <v>203</v>
      </c>
      <c r="E30" s="3" t="s">
        <v>193</v>
      </c>
      <c r="F30" s="3" t="s">
        <v>204</v>
      </c>
      <c r="G30" s="3" t="s">
        <v>57</v>
      </c>
      <c r="H30" s="3" t="s">
        <v>29</v>
      </c>
      <c r="I30" s="3" t="s">
        <v>37</v>
      </c>
      <c r="J30" s="3" t="s">
        <v>205</v>
      </c>
      <c r="K30" s="3" t="s">
        <v>32</v>
      </c>
      <c r="L30" s="3" t="s">
        <v>115</v>
      </c>
      <c r="M30" s="3" t="s">
        <v>66</v>
      </c>
      <c r="N30" s="3" t="s">
        <v>79</v>
      </c>
      <c r="O30" s="3" t="s">
        <v>52</v>
      </c>
      <c r="P30" s="3" t="s">
        <v>53</v>
      </c>
      <c r="Q30" s="3" t="s">
        <v>37</v>
      </c>
      <c r="R30" s="3" t="s">
        <v>38</v>
      </c>
      <c r="S30" s="3" t="s">
        <v>206</v>
      </c>
      <c r="T30" s="3" t="s">
        <v>37</v>
      </c>
      <c r="U30" s="3" t="s">
        <v>37</v>
      </c>
      <c r="V30" s="3" t="s">
        <v>37</v>
      </c>
    </row>
    <row r="31" spans="1:22" x14ac:dyDescent="0.25">
      <c r="A31" s="3" t="s">
        <v>22</v>
      </c>
      <c r="B31" s="4" t="s">
        <v>23</v>
      </c>
      <c r="C31" s="3" t="s">
        <v>24</v>
      </c>
      <c r="D31" s="5" t="s">
        <v>207</v>
      </c>
      <c r="E31" s="3" t="s">
        <v>208</v>
      </c>
      <c r="F31" s="3" t="s">
        <v>37</v>
      </c>
      <c r="G31" s="3" t="s">
        <v>37</v>
      </c>
      <c r="H31" s="3" t="s">
        <v>37</v>
      </c>
      <c r="I31" s="3" t="s">
        <v>37</v>
      </c>
      <c r="J31" s="3" t="s">
        <v>209</v>
      </c>
      <c r="K31" s="3" t="s">
        <v>32</v>
      </c>
      <c r="L31" s="3" t="s">
        <v>115</v>
      </c>
      <c r="M31" s="3" t="s">
        <v>66</v>
      </c>
      <c r="N31" s="3" t="s">
        <v>79</v>
      </c>
      <c r="O31" s="3" t="s">
        <v>986</v>
      </c>
      <c r="P31" s="3" t="s">
        <v>37</v>
      </c>
      <c r="Q31" s="3" t="s">
        <v>37</v>
      </c>
      <c r="R31" s="3" t="s">
        <v>38</v>
      </c>
      <c r="S31" s="3" t="s">
        <v>210</v>
      </c>
      <c r="T31" s="3" t="s">
        <v>37</v>
      </c>
      <c r="U31" s="3" t="s">
        <v>37</v>
      </c>
      <c r="V31" s="3" t="s">
        <v>37</v>
      </c>
    </row>
    <row r="32" spans="1:22" x14ac:dyDescent="0.25">
      <c r="A32" s="3" t="s">
        <v>22</v>
      </c>
      <c r="B32" s="4" t="s">
        <v>23</v>
      </c>
      <c r="C32" s="3" t="s">
        <v>24</v>
      </c>
      <c r="D32" s="5" t="s">
        <v>211</v>
      </c>
      <c r="E32" s="3" t="s">
        <v>112</v>
      </c>
      <c r="F32" s="3" t="s">
        <v>212</v>
      </c>
      <c r="G32" s="3" t="s">
        <v>213</v>
      </c>
      <c r="H32" s="3" t="s">
        <v>64</v>
      </c>
      <c r="I32" s="3" t="s">
        <v>37</v>
      </c>
      <c r="J32" s="3" t="s">
        <v>214</v>
      </c>
      <c r="K32" s="3" t="s">
        <v>32</v>
      </c>
      <c r="L32" s="3" t="s">
        <v>115</v>
      </c>
      <c r="M32" s="3" t="s">
        <v>66</v>
      </c>
      <c r="N32" s="3" t="s">
        <v>67</v>
      </c>
      <c r="O32" s="3" t="s">
        <v>80</v>
      </c>
      <c r="P32" s="3" t="s">
        <v>37</v>
      </c>
      <c r="Q32" s="3" t="s">
        <v>37</v>
      </c>
      <c r="R32" s="3" t="s">
        <v>38</v>
      </c>
      <c r="S32" s="3" t="s">
        <v>215</v>
      </c>
      <c r="T32" s="3" t="s">
        <v>37</v>
      </c>
      <c r="U32" s="3" t="s">
        <v>37</v>
      </c>
      <c r="V32" s="3" t="s">
        <v>37</v>
      </c>
    </row>
    <row r="33" spans="1:22" x14ac:dyDescent="0.25">
      <c r="A33" s="3" t="s">
        <v>22</v>
      </c>
      <c r="B33" s="4" t="s">
        <v>23</v>
      </c>
      <c r="C33" s="3" t="s">
        <v>24</v>
      </c>
      <c r="D33" s="5" t="s">
        <v>216</v>
      </c>
      <c r="E33" s="3" t="s">
        <v>112</v>
      </c>
      <c r="F33" s="3" t="s">
        <v>217</v>
      </c>
      <c r="G33" s="3" t="s">
        <v>89</v>
      </c>
      <c r="H33" s="3" t="s">
        <v>64</v>
      </c>
      <c r="I33" s="3" t="s">
        <v>37</v>
      </c>
      <c r="J33" s="3" t="s">
        <v>218</v>
      </c>
      <c r="K33" s="3" t="s">
        <v>32</v>
      </c>
      <c r="L33" s="3" t="s">
        <v>115</v>
      </c>
      <c r="M33" s="3" t="s">
        <v>66</v>
      </c>
      <c r="N33" s="3" t="s">
        <v>67</v>
      </c>
      <c r="O33" s="3" t="s">
        <v>52</v>
      </c>
      <c r="P33" s="3" t="s">
        <v>53</v>
      </c>
      <c r="Q33" s="3" t="s">
        <v>37</v>
      </c>
      <c r="R33" s="3" t="s">
        <v>38</v>
      </c>
      <c r="S33" s="3" t="s">
        <v>219</v>
      </c>
      <c r="T33" s="3" t="s">
        <v>37</v>
      </c>
      <c r="U33" s="3" t="s">
        <v>37</v>
      </c>
      <c r="V33" s="3" t="s">
        <v>37</v>
      </c>
    </row>
    <row r="34" spans="1:22" x14ac:dyDescent="0.25">
      <c r="A34" s="3" t="s">
        <v>22</v>
      </c>
      <c r="B34" s="4" t="s">
        <v>23</v>
      </c>
      <c r="C34" s="3" t="s">
        <v>24</v>
      </c>
      <c r="D34" s="5" t="s">
        <v>220</v>
      </c>
      <c r="E34" s="3" t="s">
        <v>112</v>
      </c>
      <c r="F34" s="3" t="s">
        <v>221</v>
      </c>
      <c r="G34" s="3" t="s">
        <v>222</v>
      </c>
      <c r="H34" s="3" t="s">
        <v>64</v>
      </c>
      <c r="I34" s="3" t="s">
        <v>37</v>
      </c>
      <c r="J34" s="3" t="s">
        <v>223</v>
      </c>
      <c r="K34" s="3" t="s">
        <v>32</v>
      </c>
      <c r="L34" s="3" t="s">
        <v>115</v>
      </c>
      <c r="M34" s="3" t="s">
        <v>66</v>
      </c>
      <c r="N34" s="3" t="s">
        <v>67</v>
      </c>
      <c r="O34" s="3" t="s">
        <v>52</v>
      </c>
      <c r="P34" s="3" t="s">
        <v>37</v>
      </c>
      <c r="Q34" s="3" t="s">
        <v>37</v>
      </c>
      <c r="R34" s="3" t="s">
        <v>38</v>
      </c>
      <c r="S34" s="3" t="s">
        <v>224</v>
      </c>
      <c r="T34" s="3" t="s">
        <v>37</v>
      </c>
      <c r="U34" s="3" t="s">
        <v>37</v>
      </c>
      <c r="V34" s="3" t="s">
        <v>37</v>
      </c>
    </row>
    <row r="35" spans="1:22" x14ac:dyDescent="0.25">
      <c r="A35" s="3" t="s">
        <v>22</v>
      </c>
      <c r="B35" s="4" t="s">
        <v>23</v>
      </c>
      <c r="C35" s="3" t="s">
        <v>24</v>
      </c>
      <c r="D35" s="5" t="s">
        <v>225</v>
      </c>
      <c r="E35" s="3" t="s">
        <v>226</v>
      </c>
      <c r="F35" s="3" t="s">
        <v>227</v>
      </c>
      <c r="G35" s="3" t="s">
        <v>228</v>
      </c>
      <c r="H35" s="3" t="s">
        <v>29</v>
      </c>
      <c r="I35" s="3" t="s">
        <v>37</v>
      </c>
      <c r="J35" s="3" t="s">
        <v>229</v>
      </c>
      <c r="K35" s="3" t="s">
        <v>32</v>
      </c>
      <c r="L35" s="3" t="s">
        <v>115</v>
      </c>
      <c r="M35" s="3" t="s">
        <v>66</v>
      </c>
      <c r="N35" s="3" t="s">
        <v>79</v>
      </c>
      <c r="O35" s="3" t="s">
        <v>36</v>
      </c>
      <c r="P35" s="3" t="s">
        <v>53</v>
      </c>
      <c r="Q35" s="3" t="s">
        <v>37</v>
      </c>
      <c r="R35" s="3" t="s">
        <v>38</v>
      </c>
      <c r="S35" s="3" t="s">
        <v>230</v>
      </c>
      <c r="T35" s="3" t="s">
        <v>37</v>
      </c>
      <c r="U35" s="3" t="s">
        <v>37</v>
      </c>
      <c r="V35" s="3" t="s">
        <v>37</v>
      </c>
    </row>
    <row r="36" spans="1:22" x14ac:dyDescent="0.25">
      <c r="A36" s="3" t="s">
        <v>22</v>
      </c>
      <c r="B36" s="4" t="s">
        <v>23</v>
      </c>
      <c r="C36" s="3" t="s">
        <v>24</v>
      </c>
      <c r="D36" s="5" t="s">
        <v>231</v>
      </c>
      <c r="E36" s="3" t="s">
        <v>226</v>
      </c>
      <c r="F36" s="3" t="s">
        <v>232</v>
      </c>
      <c r="G36" s="3" t="s">
        <v>233</v>
      </c>
      <c r="H36" s="3" t="s">
        <v>29</v>
      </c>
      <c r="I36" s="3" t="s">
        <v>37</v>
      </c>
      <c r="J36" s="3" t="s">
        <v>234</v>
      </c>
      <c r="K36" s="3" t="s">
        <v>32</v>
      </c>
      <c r="L36" s="3" t="s">
        <v>115</v>
      </c>
      <c r="M36" s="3" t="s">
        <v>66</v>
      </c>
      <c r="N36" s="3" t="s">
        <v>79</v>
      </c>
      <c r="O36" s="3" t="s">
        <v>36</v>
      </c>
      <c r="P36" s="3" t="s">
        <v>53</v>
      </c>
      <c r="Q36" s="3" t="s">
        <v>37</v>
      </c>
      <c r="R36" s="3" t="s">
        <v>38</v>
      </c>
      <c r="S36" s="3" t="s">
        <v>235</v>
      </c>
      <c r="T36" s="3" t="s">
        <v>37</v>
      </c>
      <c r="U36" s="3" t="s">
        <v>37</v>
      </c>
      <c r="V36" s="3" t="s">
        <v>37</v>
      </c>
    </row>
    <row r="37" spans="1:22" x14ac:dyDescent="0.25">
      <c r="A37" s="3" t="s">
        <v>22</v>
      </c>
      <c r="B37" s="4" t="s">
        <v>23</v>
      </c>
      <c r="C37" s="3" t="s">
        <v>24</v>
      </c>
      <c r="D37" s="5" t="s">
        <v>236</v>
      </c>
      <c r="E37" s="3" t="s">
        <v>237</v>
      </c>
      <c r="F37" s="3" t="s">
        <v>238</v>
      </c>
      <c r="G37" s="3" t="s">
        <v>239</v>
      </c>
      <c r="H37" s="3" t="s">
        <v>64</v>
      </c>
      <c r="I37" s="3" t="s">
        <v>37</v>
      </c>
      <c r="J37" s="3" t="s">
        <v>240</v>
      </c>
      <c r="K37" s="3" t="s">
        <v>32</v>
      </c>
      <c r="L37" s="3" t="s">
        <v>115</v>
      </c>
      <c r="M37" s="3" t="s">
        <v>66</v>
      </c>
      <c r="N37" s="3" t="s">
        <v>79</v>
      </c>
      <c r="O37" s="3" t="s">
        <v>241</v>
      </c>
      <c r="P37" s="3" t="s">
        <v>37</v>
      </c>
      <c r="Q37" s="3" t="s">
        <v>37</v>
      </c>
      <c r="R37" s="3" t="s">
        <v>38</v>
      </c>
      <c r="S37" s="3" t="s">
        <v>242</v>
      </c>
      <c r="T37" s="3" t="s">
        <v>37</v>
      </c>
      <c r="U37" s="3" t="s">
        <v>37</v>
      </c>
      <c r="V37" s="3" t="s">
        <v>37</v>
      </c>
    </row>
    <row r="38" spans="1:22" x14ac:dyDescent="0.25">
      <c r="A38" s="3" t="s">
        <v>22</v>
      </c>
      <c r="B38" s="4" t="s">
        <v>23</v>
      </c>
      <c r="C38" s="3" t="s">
        <v>24</v>
      </c>
      <c r="D38" s="5" t="s">
        <v>243</v>
      </c>
      <c r="E38" s="3" t="s">
        <v>237</v>
      </c>
      <c r="F38" s="3" t="s">
        <v>238</v>
      </c>
      <c r="G38" s="3" t="s">
        <v>120</v>
      </c>
      <c r="H38" s="3" t="s">
        <v>64</v>
      </c>
      <c r="I38" s="3" t="s">
        <v>37</v>
      </c>
      <c r="J38" s="3" t="s">
        <v>240</v>
      </c>
      <c r="K38" s="3" t="s">
        <v>32</v>
      </c>
      <c r="L38" s="3" t="s">
        <v>115</v>
      </c>
      <c r="M38" s="3" t="s">
        <v>66</v>
      </c>
      <c r="N38" s="3" t="s">
        <v>79</v>
      </c>
      <c r="O38" s="3" t="s">
        <v>244</v>
      </c>
      <c r="P38" s="3" t="s">
        <v>37</v>
      </c>
      <c r="Q38" s="3" t="s">
        <v>37</v>
      </c>
      <c r="R38" s="3" t="s">
        <v>38</v>
      </c>
      <c r="S38" s="3" t="s">
        <v>245</v>
      </c>
      <c r="T38" s="3" t="s">
        <v>37</v>
      </c>
      <c r="U38" s="3" t="s">
        <v>37</v>
      </c>
      <c r="V38" s="3" t="s">
        <v>37</v>
      </c>
    </row>
    <row r="39" spans="1:22" x14ac:dyDescent="0.25">
      <c r="A39" s="3"/>
      <c r="B39" s="4"/>
      <c r="C39" s="3"/>
      <c r="D39" s="5"/>
      <c r="E39" s="6" t="s">
        <v>246</v>
      </c>
      <c r="F39" s="3"/>
      <c r="G39" s="3"/>
      <c r="H39" s="3"/>
      <c r="I39" s="3"/>
      <c r="J39" s="3"/>
      <c r="K39" s="3"/>
      <c r="L39" s="3"/>
      <c r="M39" s="3"/>
      <c r="N39" s="3"/>
      <c r="O39" s="3"/>
      <c r="P39" s="3"/>
      <c r="Q39" s="3"/>
      <c r="R39" s="3"/>
      <c r="S39" s="3"/>
      <c r="T39" s="3"/>
      <c r="U39" s="3"/>
      <c r="V39" s="3"/>
    </row>
    <row r="40" spans="1:22" x14ac:dyDescent="0.25">
      <c r="A40" s="3"/>
      <c r="B40" s="4"/>
      <c r="C40" s="3"/>
      <c r="D40" s="5"/>
      <c r="E40" s="3"/>
      <c r="F40" s="3"/>
      <c r="G40" s="3"/>
      <c r="H40" s="3"/>
      <c r="I40" s="3"/>
      <c r="J40" s="3"/>
      <c r="K40" s="3"/>
      <c r="L40" s="3"/>
      <c r="M40" s="3"/>
      <c r="N40" s="3"/>
      <c r="O40" s="3"/>
      <c r="P40" s="3"/>
      <c r="Q40" s="3"/>
      <c r="R40" s="3"/>
      <c r="S40" s="3"/>
      <c r="T40" s="3"/>
      <c r="U40" s="3"/>
      <c r="V40" s="3"/>
    </row>
    <row r="41" spans="1:22" x14ac:dyDescent="0.25">
      <c r="A41" s="3" t="s">
        <v>22</v>
      </c>
      <c r="B41" s="4" t="s">
        <v>247</v>
      </c>
      <c r="C41" s="3" t="s">
        <v>248</v>
      </c>
      <c r="D41" s="5" t="s">
        <v>25</v>
      </c>
      <c r="E41" s="3" t="s">
        <v>249</v>
      </c>
      <c r="F41" s="3" t="s">
        <v>250</v>
      </c>
      <c r="G41" s="3" t="s">
        <v>42</v>
      </c>
      <c r="H41" s="3" t="s">
        <v>29</v>
      </c>
      <c r="I41" s="3" t="s">
        <v>251</v>
      </c>
      <c r="J41" s="3" t="s">
        <v>252</v>
      </c>
      <c r="K41" s="3" t="s">
        <v>32</v>
      </c>
      <c r="L41" s="3" t="s">
        <v>33</v>
      </c>
      <c r="M41" s="3" t="s">
        <v>253</v>
      </c>
      <c r="N41" s="3" t="s">
        <v>67</v>
      </c>
      <c r="O41" s="3" t="s">
        <v>254</v>
      </c>
      <c r="P41" s="3" t="s">
        <v>37</v>
      </c>
      <c r="Q41" s="3" t="s">
        <v>37</v>
      </c>
      <c r="R41" s="3" t="s">
        <v>38</v>
      </c>
      <c r="S41" s="3" t="s">
        <v>255</v>
      </c>
      <c r="T41" s="3" t="s">
        <v>37</v>
      </c>
      <c r="U41" s="3" t="s">
        <v>37</v>
      </c>
      <c r="V41" s="3" t="s">
        <v>37</v>
      </c>
    </row>
    <row r="42" spans="1:22" x14ac:dyDescent="0.25">
      <c r="A42" s="3" t="s">
        <v>22</v>
      </c>
      <c r="B42" s="4" t="s">
        <v>247</v>
      </c>
      <c r="C42" s="3" t="s">
        <v>248</v>
      </c>
      <c r="D42" s="5" t="s">
        <v>256</v>
      </c>
      <c r="E42" s="3" t="s">
        <v>249</v>
      </c>
      <c r="F42" s="3" t="s">
        <v>257</v>
      </c>
      <c r="G42" s="3" t="s">
        <v>132</v>
      </c>
      <c r="H42" s="3" t="s">
        <v>29</v>
      </c>
      <c r="I42" s="3" t="s">
        <v>251</v>
      </c>
      <c r="J42" s="3" t="s">
        <v>258</v>
      </c>
      <c r="K42" s="3" t="s">
        <v>32</v>
      </c>
      <c r="L42" s="3" t="s">
        <v>33</v>
      </c>
      <c r="M42" s="3" t="s">
        <v>253</v>
      </c>
      <c r="N42" s="3" t="s">
        <v>67</v>
      </c>
      <c r="O42" s="3" t="s">
        <v>254</v>
      </c>
      <c r="P42" s="3" t="s">
        <v>37</v>
      </c>
      <c r="Q42" s="3" t="s">
        <v>37</v>
      </c>
      <c r="R42" s="3" t="s">
        <v>38</v>
      </c>
      <c r="S42" s="3" t="s">
        <v>259</v>
      </c>
      <c r="T42" s="3" t="s">
        <v>37</v>
      </c>
      <c r="U42" s="3" t="s">
        <v>37</v>
      </c>
      <c r="V42" s="3" t="s">
        <v>37</v>
      </c>
    </row>
    <row r="43" spans="1:22" x14ac:dyDescent="0.25">
      <c r="A43" s="3" t="s">
        <v>22</v>
      </c>
      <c r="B43" s="4" t="s">
        <v>247</v>
      </c>
      <c r="C43" s="3" t="s">
        <v>248</v>
      </c>
      <c r="D43" s="5" t="s">
        <v>40</v>
      </c>
      <c r="E43" s="3" t="s">
        <v>249</v>
      </c>
      <c r="F43" s="3" t="s">
        <v>260</v>
      </c>
      <c r="G43" s="3" t="s">
        <v>137</v>
      </c>
      <c r="H43" s="3" t="s">
        <v>29</v>
      </c>
      <c r="I43" s="3" t="s">
        <v>251</v>
      </c>
      <c r="J43" s="3" t="s">
        <v>261</v>
      </c>
      <c r="K43" s="3" t="s">
        <v>32</v>
      </c>
      <c r="L43" s="3" t="s">
        <v>33</v>
      </c>
      <c r="M43" s="3" t="s">
        <v>253</v>
      </c>
      <c r="N43" s="3" t="s">
        <v>67</v>
      </c>
      <c r="O43" s="3" t="s">
        <v>254</v>
      </c>
      <c r="P43" s="3" t="s">
        <v>37</v>
      </c>
      <c r="Q43" s="3" t="s">
        <v>37</v>
      </c>
      <c r="R43" s="3" t="s">
        <v>38</v>
      </c>
      <c r="S43" s="3" t="s">
        <v>262</v>
      </c>
      <c r="T43" s="3" t="s">
        <v>37</v>
      </c>
      <c r="U43" s="3" t="s">
        <v>37</v>
      </c>
      <c r="V43" s="3" t="s">
        <v>37</v>
      </c>
    </row>
    <row r="44" spans="1:22" x14ac:dyDescent="0.25">
      <c r="A44" s="3" t="s">
        <v>22</v>
      </c>
      <c r="B44" s="4" t="s">
        <v>247</v>
      </c>
      <c r="C44" s="3" t="s">
        <v>248</v>
      </c>
      <c r="D44" s="5" t="s">
        <v>263</v>
      </c>
      <c r="E44" s="3" t="s">
        <v>249</v>
      </c>
      <c r="F44" s="3" t="s">
        <v>264</v>
      </c>
      <c r="G44" s="3" t="s">
        <v>265</v>
      </c>
      <c r="H44" s="3" t="s">
        <v>29</v>
      </c>
      <c r="I44" s="3" t="s">
        <v>266</v>
      </c>
      <c r="J44" s="3" t="s">
        <v>267</v>
      </c>
      <c r="K44" s="3" t="s">
        <v>32</v>
      </c>
      <c r="L44" s="3" t="s">
        <v>33</v>
      </c>
      <c r="M44" s="3" t="s">
        <v>253</v>
      </c>
      <c r="N44" s="3" t="s">
        <v>67</v>
      </c>
      <c r="O44" s="3" t="s">
        <v>254</v>
      </c>
      <c r="P44" s="3" t="s">
        <v>37</v>
      </c>
      <c r="Q44" s="3" t="s">
        <v>37</v>
      </c>
      <c r="R44" s="3" t="s">
        <v>38</v>
      </c>
      <c r="S44" s="3" t="s">
        <v>268</v>
      </c>
      <c r="T44" s="3" t="s">
        <v>37</v>
      </c>
      <c r="U44" s="3" t="s">
        <v>37</v>
      </c>
      <c r="V44" s="3" t="s">
        <v>37</v>
      </c>
    </row>
    <row r="45" spans="1:22" x14ac:dyDescent="0.25">
      <c r="A45" s="3" t="s">
        <v>22</v>
      </c>
      <c r="B45" s="4" t="s">
        <v>247</v>
      </c>
      <c r="C45" s="3" t="s">
        <v>248</v>
      </c>
      <c r="D45" s="5" t="s">
        <v>45</v>
      </c>
      <c r="E45" s="3" t="s">
        <v>46</v>
      </c>
      <c r="F45" s="3" t="s">
        <v>269</v>
      </c>
      <c r="G45" s="3" t="s">
        <v>270</v>
      </c>
      <c r="H45" s="3" t="s">
        <v>29</v>
      </c>
      <c r="I45" s="3" t="s">
        <v>49</v>
      </c>
      <c r="J45" s="3" t="s">
        <v>271</v>
      </c>
      <c r="K45" s="3" t="s">
        <v>32</v>
      </c>
      <c r="L45" s="3" t="s">
        <v>33</v>
      </c>
      <c r="M45" s="3" t="s">
        <v>34</v>
      </c>
      <c r="N45" s="3" t="s">
        <v>51</v>
      </c>
      <c r="O45" s="3" t="s">
        <v>52</v>
      </c>
      <c r="P45" s="3" t="s">
        <v>53</v>
      </c>
      <c r="Q45" s="3" t="s">
        <v>37</v>
      </c>
      <c r="R45" s="3" t="s">
        <v>38</v>
      </c>
      <c r="S45" s="3" t="s">
        <v>272</v>
      </c>
      <c r="T45" s="3" t="s">
        <v>37</v>
      </c>
      <c r="U45" s="3" t="s">
        <v>37</v>
      </c>
      <c r="V45" s="3" t="s">
        <v>37</v>
      </c>
    </row>
    <row r="46" spans="1:22" x14ac:dyDescent="0.25">
      <c r="A46" s="3" t="s">
        <v>22</v>
      </c>
      <c r="B46" s="4" t="s">
        <v>247</v>
      </c>
      <c r="C46" s="3" t="s">
        <v>248</v>
      </c>
      <c r="D46" s="5" t="s">
        <v>55</v>
      </c>
      <c r="E46" s="3" t="s">
        <v>46</v>
      </c>
      <c r="F46" s="3" t="s">
        <v>273</v>
      </c>
      <c r="G46" s="3" t="s">
        <v>274</v>
      </c>
      <c r="H46" s="3" t="s">
        <v>64</v>
      </c>
      <c r="I46" s="3" t="s">
        <v>49</v>
      </c>
      <c r="J46" s="3" t="s">
        <v>275</v>
      </c>
      <c r="K46" s="3" t="s">
        <v>32</v>
      </c>
      <c r="L46" s="3" t="s">
        <v>33</v>
      </c>
      <c r="M46" s="3" t="s">
        <v>34</v>
      </c>
      <c r="N46" s="3" t="s">
        <v>35</v>
      </c>
      <c r="O46" s="3" t="s">
        <v>52</v>
      </c>
      <c r="P46" s="3" t="s">
        <v>53</v>
      </c>
      <c r="Q46" s="3" t="s">
        <v>72</v>
      </c>
      <c r="R46" s="3" t="s">
        <v>38</v>
      </c>
      <c r="S46" s="3" t="s">
        <v>276</v>
      </c>
      <c r="T46" s="3" t="s">
        <v>37</v>
      </c>
      <c r="U46" s="3" t="s">
        <v>37</v>
      </c>
      <c r="V46" s="3" t="s">
        <v>37</v>
      </c>
    </row>
    <row r="47" spans="1:22" x14ac:dyDescent="0.25">
      <c r="A47" s="3" t="s">
        <v>22</v>
      </c>
      <c r="B47" s="4" t="s">
        <v>247</v>
      </c>
      <c r="C47" s="3" t="s">
        <v>248</v>
      </c>
      <c r="D47" s="5" t="s">
        <v>60</v>
      </c>
      <c r="E47" s="3" t="s">
        <v>61</v>
      </c>
      <c r="F47" s="3" t="s">
        <v>277</v>
      </c>
      <c r="G47" s="3" t="s">
        <v>278</v>
      </c>
      <c r="H47" s="3" t="s">
        <v>64</v>
      </c>
      <c r="I47" s="3" t="s">
        <v>37</v>
      </c>
      <c r="J47" s="3" t="s">
        <v>279</v>
      </c>
      <c r="K47" s="3" t="s">
        <v>32</v>
      </c>
      <c r="L47" s="3" t="s">
        <v>33</v>
      </c>
      <c r="M47" s="3" t="s">
        <v>66</v>
      </c>
      <c r="N47" s="3" t="s">
        <v>67</v>
      </c>
      <c r="O47" s="3" t="s">
        <v>150</v>
      </c>
      <c r="P47" s="3" t="s">
        <v>53</v>
      </c>
      <c r="Q47" s="3" t="s">
        <v>37</v>
      </c>
      <c r="R47" s="3" t="s">
        <v>38</v>
      </c>
      <c r="S47" s="3" t="s">
        <v>280</v>
      </c>
      <c r="T47" s="3" t="s">
        <v>37</v>
      </c>
      <c r="U47" s="3" t="s">
        <v>37</v>
      </c>
      <c r="V47" s="3" t="s">
        <v>37</v>
      </c>
    </row>
    <row r="48" spans="1:22" x14ac:dyDescent="0.25">
      <c r="A48" s="3" t="s">
        <v>22</v>
      </c>
      <c r="B48" s="4" t="s">
        <v>247</v>
      </c>
      <c r="C48" s="3" t="s">
        <v>248</v>
      </c>
      <c r="D48" s="5" t="s">
        <v>73</v>
      </c>
      <c r="E48" s="3" t="s">
        <v>74</v>
      </c>
      <c r="F48" s="3" t="s">
        <v>282</v>
      </c>
      <c r="G48" s="3" t="s">
        <v>283</v>
      </c>
      <c r="H48" s="3" t="s">
        <v>64</v>
      </c>
      <c r="I48" s="3" t="s">
        <v>284</v>
      </c>
      <c r="J48" s="3" t="s">
        <v>285</v>
      </c>
      <c r="K48" s="3" t="s">
        <v>32</v>
      </c>
      <c r="L48" s="3" t="s">
        <v>33</v>
      </c>
      <c r="M48" s="3" t="s">
        <v>66</v>
      </c>
      <c r="N48" s="3" t="s">
        <v>51</v>
      </c>
      <c r="O48" s="3" t="s">
        <v>52</v>
      </c>
      <c r="P48" s="3" t="s">
        <v>37</v>
      </c>
      <c r="Q48" s="3" t="s">
        <v>37</v>
      </c>
      <c r="R48" s="3" t="s">
        <v>38</v>
      </c>
      <c r="S48" s="3" t="s">
        <v>286</v>
      </c>
      <c r="T48" s="3" t="s">
        <v>37</v>
      </c>
      <c r="U48" s="3" t="s">
        <v>37</v>
      </c>
      <c r="V48" s="3" t="s">
        <v>37</v>
      </c>
    </row>
    <row r="49" spans="1:22" x14ac:dyDescent="0.25">
      <c r="A49" s="3" t="s">
        <v>22</v>
      </c>
      <c r="B49" s="4" t="s">
        <v>247</v>
      </c>
      <c r="C49" s="3" t="s">
        <v>248</v>
      </c>
      <c r="D49" s="5" t="s">
        <v>82</v>
      </c>
      <c r="E49" s="3" t="s">
        <v>74</v>
      </c>
      <c r="F49" s="3" t="s">
        <v>287</v>
      </c>
      <c r="G49" s="3" t="s">
        <v>288</v>
      </c>
      <c r="H49" s="3" t="s">
        <v>64</v>
      </c>
      <c r="I49" s="3" t="s">
        <v>284</v>
      </c>
      <c r="J49" s="3" t="s">
        <v>289</v>
      </c>
      <c r="K49" s="3" t="s">
        <v>32</v>
      </c>
      <c r="L49" s="3" t="s">
        <v>33</v>
      </c>
      <c r="M49" s="3" t="s">
        <v>66</v>
      </c>
      <c r="N49" s="3" t="s">
        <v>51</v>
      </c>
      <c r="O49" s="3" t="s">
        <v>52</v>
      </c>
      <c r="P49" s="3" t="s">
        <v>37</v>
      </c>
      <c r="Q49" s="3" t="s">
        <v>37</v>
      </c>
      <c r="R49" s="3" t="s">
        <v>38</v>
      </c>
      <c r="S49" s="3" t="s">
        <v>290</v>
      </c>
      <c r="T49" s="3" t="s">
        <v>37</v>
      </c>
      <c r="U49" s="3" t="s">
        <v>37</v>
      </c>
      <c r="V49" s="3" t="s">
        <v>37</v>
      </c>
    </row>
    <row r="50" spans="1:22" x14ac:dyDescent="0.25">
      <c r="A50" s="3" t="s">
        <v>22</v>
      </c>
      <c r="B50" s="4" t="s">
        <v>247</v>
      </c>
      <c r="C50" s="3" t="s">
        <v>248</v>
      </c>
      <c r="D50" s="5" t="s">
        <v>291</v>
      </c>
      <c r="E50" s="3" t="s">
        <v>74</v>
      </c>
      <c r="F50" s="3" t="s">
        <v>292</v>
      </c>
      <c r="G50" s="3" t="s">
        <v>293</v>
      </c>
      <c r="H50" s="3" t="s">
        <v>64</v>
      </c>
      <c r="I50" s="3" t="s">
        <v>284</v>
      </c>
      <c r="J50" s="3" t="s">
        <v>294</v>
      </c>
      <c r="K50" s="3" t="s">
        <v>32</v>
      </c>
      <c r="L50" s="3" t="s">
        <v>33</v>
      </c>
      <c r="M50" s="3" t="s">
        <v>66</v>
      </c>
      <c r="N50" s="3" t="s">
        <v>51</v>
      </c>
      <c r="O50" s="3" t="s">
        <v>52</v>
      </c>
      <c r="P50" s="3" t="s">
        <v>37</v>
      </c>
      <c r="Q50" s="3" t="s">
        <v>37</v>
      </c>
      <c r="R50" s="3" t="s">
        <v>38</v>
      </c>
      <c r="S50" s="3" t="s">
        <v>295</v>
      </c>
      <c r="T50" s="3" t="s">
        <v>37</v>
      </c>
      <c r="U50" s="3" t="s">
        <v>37</v>
      </c>
      <c r="V50" s="3" t="s">
        <v>37</v>
      </c>
    </row>
    <row r="51" spans="1:22" x14ac:dyDescent="0.25">
      <c r="A51" s="3" t="s">
        <v>22</v>
      </c>
      <c r="B51" s="4" t="s">
        <v>247</v>
      </c>
      <c r="C51" s="3" t="s">
        <v>248</v>
      </c>
      <c r="D51" s="5" t="s">
        <v>296</v>
      </c>
      <c r="E51" s="3" t="s">
        <v>74</v>
      </c>
      <c r="F51" s="3" t="s">
        <v>297</v>
      </c>
      <c r="G51" s="3" t="s">
        <v>228</v>
      </c>
      <c r="H51" s="3" t="s">
        <v>64</v>
      </c>
      <c r="I51" s="3" t="s">
        <v>298</v>
      </c>
      <c r="J51" s="3" t="s">
        <v>299</v>
      </c>
      <c r="K51" s="3" t="s">
        <v>32</v>
      </c>
      <c r="L51" s="3" t="s">
        <v>33</v>
      </c>
      <c r="M51" s="3" t="s">
        <v>66</v>
      </c>
      <c r="N51" s="3" t="s">
        <v>51</v>
      </c>
      <c r="O51" s="3" t="s">
        <v>52</v>
      </c>
      <c r="P51" s="3" t="s">
        <v>37</v>
      </c>
      <c r="Q51" s="3" t="s">
        <v>37</v>
      </c>
      <c r="R51" s="3" t="s">
        <v>38</v>
      </c>
      <c r="S51" s="3" t="s">
        <v>300</v>
      </c>
      <c r="T51" s="3" t="s">
        <v>37</v>
      </c>
      <c r="U51" s="3" t="s">
        <v>37</v>
      </c>
      <c r="V51" s="3" t="s">
        <v>37</v>
      </c>
    </row>
    <row r="52" spans="1:22" x14ac:dyDescent="0.25">
      <c r="A52" s="3" t="s">
        <v>22</v>
      </c>
      <c r="B52" s="4" t="s">
        <v>247</v>
      </c>
      <c r="C52" s="3" t="s">
        <v>248</v>
      </c>
      <c r="D52" s="5" t="s">
        <v>301</v>
      </c>
      <c r="E52" s="3" t="s">
        <v>46</v>
      </c>
      <c r="F52" s="3" t="s">
        <v>302</v>
      </c>
      <c r="G52" s="3" t="s">
        <v>64</v>
      </c>
      <c r="H52" s="3" t="s">
        <v>64</v>
      </c>
      <c r="I52" s="3" t="s">
        <v>49</v>
      </c>
      <c r="J52" s="3" t="s">
        <v>303</v>
      </c>
      <c r="K52" s="3" t="s">
        <v>32</v>
      </c>
      <c r="L52" s="3" t="s">
        <v>33</v>
      </c>
      <c r="M52" s="3" t="s">
        <v>34</v>
      </c>
      <c r="N52" s="3" t="s">
        <v>35</v>
      </c>
      <c r="O52" s="3" t="s">
        <v>52</v>
      </c>
      <c r="P52" s="3" t="s">
        <v>53</v>
      </c>
      <c r="Q52" s="3" t="s">
        <v>72</v>
      </c>
      <c r="R52" s="3" t="s">
        <v>38</v>
      </c>
      <c r="S52" s="3" t="s">
        <v>304</v>
      </c>
      <c r="T52" s="3" t="s">
        <v>37</v>
      </c>
      <c r="U52" s="3" t="s">
        <v>37</v>
      </c>
      <c r="V52" s="3" t="s">
        <v>37</v>
      </c>
    </row>
    <row r="53" spans="1:22" x14ac:dyDescent="0.25">
      <c r="A53" s="3" t="s">
        <v>22</v>
      </c>
      <c r="B53" s="4" t="s">
        <v>247</v>
      </c>
      <c r="C53" s="3" t="s">
        <v>248</v>
      </c>
      <c r="D53" s="5" t="s">
        <v>305</v>
      </c>
      <c r="E53" s="3" t="s">
        <v>46</v>
      </c>
      <c r="F53" s="3" t="s">
        <v>306</v>
      </c>
      <c r="G53" s="3" t="s">
        <v>307</v>
      </c>
      <c r="H53" s="3" t="s">
        <v>29</v>
      </c>
      <c r="I53" s="3" t="s">
        <v>49</v>
      </c>
      <c r="J53" s="3" t="s">
        <v>308</v>
      </c>
      <c r="K53" s="3" t="s">
        <v>32</v>
      </c>
      <c r="L53" s="3" t="s">
        <v>33</v>
      </c>
      <c r="M53" s="3" t="s">
        <v>34</v>
      </c>
      <c r="N53" s="3" t="s">
        <v>51</v>
      </c>
      <c r="O53" s="3" t="s">
        <v>52</v>
      </c>
      <c r="P53" s="3" t="s">
        <v>53</v>
      </c>
      <c r="Q53" s="3" t="s">
        <v>37</v>
      </c>
      <c r="R53" s="3" t="s">
        <v>38</v>
      </c>
      <c r="S53" s="3" t="s">
        <v>309</v>
      </c>
      <c r="T53" s="3" t="s">
        <v>37</v>
      </c>
      <c r="U53" s="3" t="s">
        <v>37</v>
      </c>
      <c r="V53" s="3" t="s">
        <v>37</v>
      </c>
    </row>
    <row r="54" spans="1:22" x14ac:dyDescent="0.25">
      <c r="A54" s="3" t="s">
        <v>22</v>
      </c>
      <c r="B54" s="4" t="s">
        <v>247</v>
      </c>
      <c r="C54" s="3" t="s">
        <v>248</v>
      </c>
      <c r="D54" s="5" t="s">
        <v>310</v>
      </c>
      <c r="E54" s="3" t="s">
        <v>46</v>
      </c>
      <c r="F54" s="3" t="s">
        <v>311</v>
      </c>
      <c r="G54" s="3" t="s">
        <v>200</v>
      </c>
      <c r="H54" s="3" t="s">
        <v>29</v>
      </c>
      <c r="I54" s="3" t="s">
        <v>49</v>
      </c>
      <c r="J54" s="3" t="s">
        <v>312</v>
      </c>
      <c r="K54" s="3" t="s">
        <v>32</v>
      </c>
      <c r="L54" s="3" t="s">
        <v>33</v>
      </c>
      <c r="M54" s="3" t="s">
        <v>34</v>
      </c>
      <c r="N54" s="3" t="s">
        <v>51</v>
      </c>
      <c r="O54" s="3" t="s">
        <v>52</v>
      </c>
      <c r="P54" s="3" t="s">
        <v>53</v>
      </c>
      <c r="Q54" s="3" t="s">
        <v>37</v>
      </c>
      <c r="R54" s="3" t="s">
        <v>38</v>
      </c>
      <c r="S54" s="3" t="s">
        <v>313</v>
      </c>
      <c r="T54" s="3" t="s">
        <v>37</v>
      </c>
      <c r="U54" s="3" t="s">
        <v>37</v>
      </c>
      <c r="V54" s="3" t="s">
        <v>37</v>
      </c>
    </row>
    <row r="55" spans="1:22" x14ac:dyDescent="0.25">
      <c r="A55" s="3" t="s">
        <v>22</v>
      </c>
      <c r="B55" s="4" t="s">
        <v>247</v>
      </c>
      <c r="C55" s="3" t="s">
        <v>248</v>
      </c>
      <c r="D55" s="5" t="s">
        <v>111</v>
      </c>
      <c r="E55" s="3" t="s">
        <v>112</v>
      </c>
      <c r="F55" s="3" t="s">
        <v>314</v>
      </c>
      <c r="G55" s="3" t="s">
        <v>315</v>
      </c>
      <c r="H55" s="3" t="s">
        <v>64</v>
      </c>
      <c r="I55" s="3" t="s">
        <v>37</v>
      </c>
      <c r="J55" s="3" t="s">
        <v>316</v>
      </c>
      <c r="K55" s="3" t="s">
        <v>32</v>
      </c>
      <c r="L55" s="3" t="s">
        <v>115</v>
      </c>
      <c r="M55" s="3" t="s">
        <v>66</v>
      </c>
      <c r="N55" s="3" t="s">
        <v>67</v>
      </c>
      <c r="O55" s="3" t="s">
        <v>36</v>
      </c>
      <c r="P55" s="3" t="s">
        <v>37</v>
      </c>
      <c r="Q55" s="3" t="s">
        <v>37</v>
      </c>
      <c r="R55" s="3" t="s">
        <v>38</v>
      </c>
      <c r="S55" s="3" t="s">
        <v>317</v>
      </c>
      <c r="T55" s="3" t="s">
        <v>37</v>
      </c>
      <c r="U55" s="3" t="s">
        <v>37</v>
      </c>
      <c r="V55" s="3" t="s">
        <v>37</v>
      </c>
    </row>
    <row r="56" spans="1:22" x14ac:dyDescent="0.25">
      <c r="A56" s="3" t="s">
        <v>22</v>
      </c>
      <c r="B56" s="4" t="s">
        <v>247</v>
      </c>
      <c r="C56" s="3" t="s">
        <v>248</v>
      </c>
      <c r="D56" s="5" t="s">
        <v>117</v>
      </c>
      <c r="E56" s="3" t="s">
        <v>118</v>
      </c>
      <c r="F56" s="3" t="s">
        <v>318</v>
      </c>
      <c r="G56" s="3" t="s">
        <v>239</v>
      </c>
      <c r="H56" s="3" t="s">
        <v>64</v>
      </c>
      <c r="I56" s="3" t="s">
        <v>121</v>
      </c>
      <c r="J56" s="3" t="s">
        <v>319</v>
      </c>
      <c r="K56" s="3" t="s">
        <v>32</v>
      </c>
      <c r="L56" s="3" t="s">
        <v>33</v>
      </c>
      <c r="M56" s="3" t="s">
        <v>66</v>
      </c>
      <c r="N56" s="3" t="s">
        <v>67</v>
      </c>
      <c r="O56" s="3" t="s">
        <v>52</v>
      </c>
      <c r="P56" s="3" t="s">
        <v>37</v>
      </c>
      <c r="Q56" s="3" t="s">
        <v>37</v>
      </c>
      <c r="R56" s="3" t="s">
        <v>38</v>
      </c>
      <c r="S56" s="3" t="s">
        <v>320</v>
      </c>
      <c r="T56" s="3" t="s">
        <v>37</v>
      </c>
      <c r="U56" s="3" t="s">
        <v>37</v>
      </c>
      <c r="V56" s="3" t="s">
        <v>37</v>
      </c>
    </row>
    <row r="57" spans="1:22" x14ac:dyDescent="0.25">
      <c r="A57" s="3" t="s">
        <v>22</v>
      </c>
      <c r="B57" s="4" t="s">
        <v>247</v>
      </c>
      <c r="C57" s="3" t="s">
        <v>248</v>
      </c>
      <c r="D57" s="5" t="s">
        <v>124</v>
      </c>
      <c r="E57" s="3" t="s">
        <v>118</v>
      </c>
      <c r="F57" s="3" t="s">
        <v>321</v>
      </c>
      <c r="G57" s="3" t="s">
        <v>77</v>
      </c>
      <c r="H57" s="3" t="s">
        <v>64</v>
      </c>
      <c r="I57" s="3" t="s">
        <v>121</v>
      </c>
      <c r="J57" s="3" t="s">
        <v>322</v>
      </c>
      <c r="K57" s="3" t="s">
        <v>32</v>
      </c>
      <c r="L57" s="3" t="s">
        <v>33</v>
      </c>
      <c r="M57" s="3" t="s">
        <v>66</v>
      </c>
      <c r="N57" s="3" t="s">
        <v>67</v>
      </c>
      <c r="O57" s="3" t="s">
        <v>127</v>
      </c>
      <c r="P57" s="3" t="s">
        <v>37</v>
      </c>
      <c r="Q57" s="3" t="s">
        <v>37</v>
      </c>
      <c r="R57" s="3" t="s">
        <v>38</v>
      </c>
      <c r="S57" s="3" t="s">
        <v>323</v>
      </c>
      <c r="T57" s="3" t="s">
        <v>37</v>
      </c>
      <c r="U57" s="3" t="s">
        <v>37</v>
      </c>
      <c r="V57" s="3" t="s">
        <v>37</v>
      </c>
    </row>
    <row r="58" spans="1:22" x14ac:dyDescent="0.25">
      <c r="A58" s="3" t="s">
        <v>22</v>
      </c>
      <c r="B58" s="4" t="s">
        <v>247</v>
      </c>
      <c r="C58" s="3" t="s">
        <v>248</v>
      </c>
      <c r="D58" s="5" t="s">
        <v>130</v>
      </c>
      <c r="E58" s="3" t="s">
        <v>46</v>
      </c>
      <c r="F58" s="3" t="s">
        <v>88</v>
      </c>
      <c r="G58" s="3" t="s">
        <v>89</v>
      </c>
      <c r="H58" s="3" t="s">
        <v>64</v>
      </c>
      <c r="I58" s="3" t="s">
        <v>49</v>
      </c>
      <c r="J58" s="3" t="s">
        <v>90</v>
      </c>
      <c r="K58" s="3" t="s">
        <v>32</v>
      </c>
      <c r="L58" s="3" t="s">
        <v>33</v>
      </c>
      <c r="M58" s="3" t="s">
        <v>34</v>
      </c>
      <c r="N58" s="3" t="s">
        <v>35</v>
      </c>
      <c r="O58" s="3" t="s">
        <v>52</v>
      </c>
      <c r="P58" s="3" t="s">
        <v>53</v>
      </c>
      <c r="Q58" s="3" t="s">
        <v>72</v>
      </c>
      <c r="R58" s="3" t="s">
        <v>38</v>
      </c>
      <c r="S58" s="3" t="s">
        <v>91</v>
      </c>
      <c r="T58" s="3" t="s">
        <v>37</v>
      </c>
      <c r="U58" s="3" t="s">
        <v>37</v>
      </c>
      <c r="V58" s="3" t="s">
        <v>37</v>
      </c>
    </row>
    <row r="59" spans="1:22" x14ac:dyDescent="0.25">
      <c r="A59" s="3" t="s">
        <v>22</v>
      </c>
      <c r="B59" s="4" t="s">
        <v>247</v>
      </c>
      <c r="C59" s="3" t="s">
        <v>248</v>
      </c>
      <c r="D59" s="5" t="s">
        <v>135</v>
      </c>
      <c r="E59" s="3" t="s">
        <v>46</v>
      </c>
      <c r="F59" s="3" t="s">
        <v>324</v>
      </c>
      <c r="G59" s="3" t="s">
        <v>265</v>
      </c>
      <c r="H59" s="3" t="s">
        <v>29</v>
      </c>
      <c r="I59" s="3" t="s">
        <v>49</v>
      </c>
      <c r="J59" s="3" t="s">
        <v>325</v>
      </c>
      <c r="K59" s="3" t="s">
        <v>32</v>
      </c>
      <c r="L59" s="3" t="s">
        <v>33</v>
      </c>
      <c r="M59" s="3" t="s">
        <v>34</v>
      </c>
      <c r="N59" s="3" t="s">
        <v>51</v>
      </c>
      <c r="O59" s="3" t="s">
        <v>52</v>
      </c>
      <c r="P59" s="3" t="s">
        <v>37</v>
      </c>
      <c r="Q59" s="3" t="s">
        <v>37</v>
      </c>
      <c r="R59" s="3" t="s">
        <v>38</v>
      </c>
      <c r="S59" s="3" t="s">
        <v>326</v>
      </c>
      <c r="T59" s="3" t="s">
        <v>37</v>
      </c>
      <c r="U59" s="3" t="s">
        <v>37</v>
      </c>
      <c r="V59" s="3" t="s">
        <v>37</v>
      </c>
    </row>
    <row r="60" spans="1:22" x14ac:dyDescent="0.25">
      <c r="A60" s="3" t="s">
        <v>22</v>
      </c>
      <c r="B60" s="4" t="s">
        <v>247</v>
      </c>
      <c r="C60" s="3" t="s">
        <v>248</v>
      </c>
      <c r="D60" s="5" t="s">
        <v>140</v>
      </c>
      <c r="E60" s="3" t="s">
        <v>141</v>
      </c>
      <c r="F60" s="3" t="s">
        <v>327</v>
      </c>
      <c r="G60" s="3" t="s">
        <v>42</v>
      </c>
      <c r="H60" s="3" t="s">
        <v>29</v>
      </c>
      <c r="I60" s="3" t="s">
        <v>328</v>
      </c>
      <c r="J60" s="3" t="s">
        <v>329</v>
      </c>
      <c r="K60" s="3" t="s">
        <v>32</v>
      </c>
      <c r="L60" s="3" t="s">
        <v>33</v>
      </c>
      <c r="M60" s="3" t="s">
        <v>66</v>
      </c>
      <c r="N60" s="3" t="s">
        <v>67</v>
      </c>
      <c r="O60" s="3" t="s">
        <v>52</v>
      </c>
      <c r="P60" s="3" t="s">
        <v>53</v>
      </c>
      <c r="Q60" s="3" t="s">
        <v>37</v>
      </c>
      <c r="R60" s="3" t="s">
        <v>38</v>
      </c>
      <c r="S60" s="3" t="s">
        <v>330</v>
      </c>
      <c r="T60" s="3" t="s">
        <v>37</v>
      </c>
      <c r="U60" s="3" t="s">
        <v>37</v>
      </c>
      <c r="V60" s="3" t="s">
        <v>37</v>
      </c>
    </row>
    <row r="61" spans="1:22" x14ac:dyDescent="0.25">
      <c r="A61" s="3" t="s">
        <v>22</v>
      </c>
      <c r="B61" s="4" t="s">
        <v>247</v>
      </c>
      <c r="C61" s="3" t="s">
        <v>248</v>
      </c>
      <c r="D61" s="5" t="s">
        <v>146</v>
      </c>
      <c r="E61" s="3" t="s">
        <v>141</v>
      </c>
      <c r="F61" s="3" t="s">
        <v>331</v>
      </c>
      <c r="G61" s="3" t="s">
        <v>132</v>
      </c>
      <c r="H61" s="3" t="s">
        <v>29</v>
      </c>
      <c r="I61" s="3" t="s">
        <v>328</v>
      </c>
      <c r="J61" s="3" t="s">
        <v>332</v>
      </c>
      <c r="K61" s="3" t="s">
        <v>32</v>
      </c>
      <c r="L61" s="3" t="s">
        <v>33</v>
      </c>
      <c r="M61" s="3" t="s">
        <v>66</v>
      </c>
      <c r="N61" s="3" t="s">
        <v>67</v>
      </c>
      <c r="O61" s="3" t="s">
        <v>52</v>
      </c>
      <c r="P61" s="3" t="s">
        <v>53</v>
      </c>
      <c r="Q61" s="3" t="s">
        <v>37</v>
      </c>
      <c r="R61" s="3" t="s">
        <v>38</v>
      </c>
      <c r="S61" s="3" t="s">
        <v>333</v>
      </c>
      <c r="T61" s="3" t="s">
        <v>37</v>
      </c>
      <c r="U61" s="3" t="s">
        <v>37</v>
      </c>
      <c r="V61" s="3" t="s">
        <v>37</v>
      </c>
    </row>
    <row r="62" spans="1:22" x14ac:dyDescent="0.25">
      <c r="A62" s="3" t="s">
        <v>22</v>
      </c>
      <c r="B62" s="4" t="s">
        <v>247</v>
      </c>
      <c r="C62" s="3" t="s">
        <v>248</v>
      </c>
      <c r="D62" s="5" t="s">
        <v>154</v>
      </c>
      <c r="E62" s="3" t="s">
        <v>155</v>
      </c>
      <c r="F62" s="3" t="s">
        <v>334</v>
      </c>
      <c r="G62" s="3" t="s">
        <v>48</v>
      </c>
      <c r="H62" s="3" t="s">
        <v>64</v>
      </c>
      <c r="I62" s="3" t="s">
        <v>158</v>
      </c>
      <c r="J62" s="3" t="s">
        <v>335</v>
      </c>
      <c r="K62" s="3" t="s">
        <v>32</v>
      </c>
      <c r="L62" s="3" t="s">
        <v>33</v>
      </c>
      <c r="M62" s="3" t="s">
        <v>34</v>
      </c>
      <c r="N62" s="3" t="s">
        <v>160</v>
      </c>
      <c r="O62" s="3" t="s">
        <v>161</v>
      </c>
      <c r="P62" s="3" t="s">
        <v>37</v>
      </c>
      <c r="Q62" s="3" t="s">
        <v>37</v>
      </c>
      <c r="R62" s="3" t="s">
        <v>38</v>
      </c>
      <c r="S62" s="3" t="s">
        <v>336</v>
      </c>
      <c r="T62" s="3" t="s">
        <v>37</v>
      </c>
      <c r="U62" s="3" t="s">
        <v>37</v>
      </c>
      <c r="V62" s="3" t="s">
        <v>37</v>
      </c>
    </row>
    <row r="63" spans="1:22" x14ac:dyDescent="0.25">
      <c r="A63" s="3" t="s">
        <v>22</v>
      </c>
      <c r="B63" s="4" t="s">
        <v>247</v>
      </c>
      <c r="C63" s="3" t="s">
        <v>248</v>
      </c>
      <c r="D63" s="5" t="s">
        <v>163</v>
      </c>
      <c r="E63" s="3" t="s">
        <v>155</v>
      </c>
      <c r="F63" s="3" t="s">
        <v>337</v>
      </c>
      <c r="G63" s="3" t="s">
        <v>184</v>
      </c>
      <c r="H63" s="3" t="s">
        <v>64</v>
      </c>
      <c r="I63" s="3" t="s">
        <v>158</v>
      </c>
      <c r="J63" s="3" t="s">
        <v>338</v>
      </c>
      <c r="K63" s="3" t="s">
        <v>32</v>
      </c>
      <c r="L63" s="3" t="s">
        <v>33</v>
      </c>
      <c r="M63" s="3" t="s">
        <v>34</v>
      </c>
      <c r="N63" s="3" t="s">
        <v>160</v>
      </c>
      <c r="O63" s="3" t="s">
        <v>161</v>
      </c>
      <c r="P63" s="3" t="s">
        <v>37</v>
      </c>
      <c r="Q63" s="3" t="s">
        <v>37</v>
      </c>
      <c r="R63" s="3" t="s">
        <v>38</v>
      </c>
      <c r="S63" s="3" t="s">
        <v>339</v>
      </c>
      <c r="T63" s="3" t="s">
        <v>37</v>
      </c>
      <c r="U63" s="3" t="s">
        <v>37</v>
      </c>
      <c r="V63" s="3" t="s">
        <v>37</v>
      </c>
    </row>
    <row r="64" spans="1:22" x14ac:dyDescent="0.25">
      <c r="A64" s="3" t="s">
        <v>22</v>
      </c>
      <c r="B64" s="4" t="s">
        <v>247</v>
      </c>
      <c r="C64" s="3" t="s">
        <v>248</v>
      </c>
      <c r="D64" s="5" t="s">
        <v>168</v>
      </c>
      <c r="E64" s="3" t="s">
        <v>155</v>
      </c>
      <c r="F64" s="3" t="s">
        <v>340</v>
      </c>
      <c r="G64" s="3" t="s">
        <v>189</v>
      </c>
      <c r="H64" s="3" t="s">
        <v>64</v>
      </c>
      <c r="I64" s="3" t="s">
        <v>158</v>
      </c>
      <c r="J64" s="3" t="s">
        <v>341</v>
      </c>
      <c r="K64" s="3" t="s">
        <v>32</v>
      </c>
      <c r="L64" s="3" t="s">
        <v>33</v>
      </c>
      <c r="M64" s="3" t="s">
        <v>34</v>
      </c>
      <c r="N64" s="3" t="s">
        <v>160</v>
      </c>
      <c r="O64" s="3" t="s">
        <v>161</v>
      </c>
      <c r="P64" s="3" t="s">
        <v>37</v>
      </c>
      <c r="Q64" s="3" t="s">
        <v>37</v>
      </c>
      <c r="R64" s="3" t="s">
        <v>38</v>
      </c>
      <c r="S64" s="3" t="s">
        <v>342</v>
      </c>
      <c r="T64" s="3" t="s">
        <v>37</v>
      </c>
      <c r="U64" s="3" t="s">
        <v>37</v>
      </c>
      <c r="V64" s="3" t="s">
        <v>37</v>
      </c>
    </row>
    <row r="65" spans="1:22" x14ac:dyDescent="0.25">
      <c r="A65" s="3" t="s">
        <v>22</v>
      </c>
      <c r="B65" s="4" t="s">
        <v>247</v>
      </c>
      <c r="C65" s="3" t="s">
        <v>248</v>
      </c>
      <c r="D65" s="5" t="s">
        <v>173</v>
      </c>
      <c r="E65" s="3" t="s">
        <v>74</v>
      </c>
      <c r="F65" s="3" t="s">
        <v>343</v>
      </c>
      <c r="G65" s="3" t="s">
        <v>344</v>
      </c>
      <c r="H65" s="3" t="s">
        <v>77</v>
      </c>
      <c r="I65" s="3" t="s">
        <v>37</v>
      </c>
      <c r="J65" s="3" t="s">
        <v>345</v>
      </c>
      <c r="K65" s="3" t="s">
        <v>32</v>
      </c>
      <c r="L65" s="3" t="s">
        <v>33</v>
      </c>
      <c r="M65" s="3" t="s">
        <v>66</v>
      </c>
      <c r="N65" s="3" t="s">
        <v>79</v>
      </c>
      <c r="O65" s="3" t="s">
        <v>52</v>
      </c>
      <c r="P65" s="3" t="s">
        <v>53</v>
      </c>
      <c r="Q65" s="3" t="s">
        <v>37</v>
      </c>
      <c r="R65" s="3" t="s">
        <v>38</v>
      </c>
      <c r="S65" s="3" t="s">
        <v>346</v>
      </c>
      <c r="T65" s="3" t="s">
        <v>37</v>
      </c>
      <c r="U65" s="3" t="s">
        <v>37</v>
      </c>
      <c r="V65" s="3" t="s">
        <v>37</v>
      </c>
    </row>
    <row r="66" spans="1:22" x14ac:dyDescent="0.25">
      <c r="A66" s="3" t="s">
        <v>22</v>
      </c>
      <c r="B66" s="4" t="s">
        <v>247</v>
      </c>
      <c r="C66" s="3" t="s">
        <v>248</v>
      </c>
      <c r="D66" s="5" t="s">
        <v>177</v>
      </c>
      <c r="E66" s="3" t="s">
        <v>74</v>
      </c>
      <c r="F66" s="3" t="s">
        <v>347</v>
      </c>
      <c r="G66" s="3" t="s">
        <v>348</v>
      </c>
      <c r="H66" s="3" t="s">
        <v>77</v>
      </c>
      <c r="I66" s="3" t="s">
        <v>37</v>
      </c>
      <c r="J66" s="3" t="s">
        <v>349</v>
      </c>
      <c r="K66" s="3" t="s">
        <v>32</v>
      </c>
      <c r="L66" s="3" t="s">
        <v>33</v>
      </c>
      <c r="M66" s="3" t="s">
        <v>66</v>
      </c>
      <c r="N66" s="3" t="s">
        <v>79</v>
      </c>
      <c r="O66" s="3" t="s">
        <v>80</v>
      </c>
      <c r="P66" s="3" t="s">
        <v>53</v>
      </c>
      <c r="Q66" s="3" t="s">
        <v>37</v>
      </c>
      <c r="R66" s="3" t="s">
        <v>38</v>
      </c>
      <c r="S66" s="3" t="s">
        <v>350</v>
      </c>
      <c r="T66" s="3" t="s">
        <v>37</v>
      </c>
      <c r="U66" s="3" t="s">
        <v>37</v>
      </c>
      <c r="V66" s="3" t="s">
        <v>37</v>
      </c>
    </row>
    <row r="67" spans="1:22" x14ac:dyDescent="0.25">
      <c r="A67" s="3" t="s">
        <v>22</v>
      </c>
      <c r="B67" s="4" t="s">
        <v>247</v>
      </c>
      <c r="C67" s="3" t="s">
        <v>248</v>
      </c>
      <c r="D67" s="5" t="s">
        <v>182</v>
      </c>
      <c r="E67" s="3" t="s">
        <v>46</v>
      </c>
      <c r="F67" s="3" t="s">
        <v>351</v>
      </c>
      <c r="G67" s="3" t="s">
        <v>352</v>
      </c>
      <c r="H67" s="3" t="s">
        <v>64</v>
      </c>
      <c r="I67" s="3" t="s">
        <v>49</v>
      </c>
      <c r="J67" s="3" t="s">
        <v>353</v>
      </c>
      <c r="K67" s="3" t="s">
        <v>32</v>
      </c>
      <c r="L67" s="3" t="s">
        <v>33</v>
      </c>
      <c r="M67" s="3" t="s">
        <v>34</v>
      </c>
      <c r="N67" s="3" t="s">
        <v>35</v>
      </c>
      <c r="O67" s="3" t="s">
        <v>52</v>
      </c>
      <c r="P67" s="3" t="s">
        <v>53</v>
      </c>
      <c r="Q67" s="3" t="s">
        <v>72</v>
      </c>
      <c r="R67" s="3" t="s">
        <v>38</v>
      </c>
      <c r="S67" s="3" t="s">
        <v>354</v>
      </c>
      <c r="T67" s="3" t="s">
        <v>37</v>
      </c>
      <c r="U67" s="3" t="s">
        <v>37</v>
      </c>
      <c r="V67" s="3" t="s">
        <v>37</v>
      </c>
    </row>
    <row r="68" spans="1:22" x14ac:dyDescent="0.25">
      <c r="A68" s="3" t="s">
        <v>22</v>
      </c>
      <c r="B68" s="4" t="s">
        <v>247</v>
      </c>
      <c r="C68" s="3" t="s">
        <v>248</v>
      </c>
      <c r="D68" s="5" t="s">
        <v>187</v>
      </c>
      <c r="E68" s="3" t="s">
        <v>46</v>
      </c>
      <c r="F68" s="3" t="s">
        <v>355</v>
      </c>
      <c r="G68" s="3" t="s">
        <v>153</v>
      </c>
      <c r="H68" s="3" t="s">
        <v>64</v>
      </c>
      <c r="I68" s="3" t="s">
        <v>49</v>
      </c>
      <c r="J68" s="3" t="s">
        <v>356</v>
      </c>
      <c r="K68" s="3" t="s">
        <v>32</v>
      </c>
      <c r="L68" s="3" t="s">
        <v>33</v>
      </c>
      <c r="M68" s="3" t="s">
        <v>34</v>
      </c>
      <c r="N68" s="3" t="s">
        <v>35</v>
      </c>
      <c r="O68" s="3" t="s">
        <v>52</v>
      </c>
      <c r="P68" s="3" t="s">
        <v>53</v>
      </c>
      <c r="Q68" s="3" t="s">
        <v>72</v>
      </c>
      <c r="R68" s="3" t="s">
        <v>38</v>
      </c>
      <c r="S68" s="3" t="s">
        <v>357</v>
      </c>
      <c r="T68" s="3" t="s">
        <v>37</v>
      </c>
      <c r="U68" s="3" t="s">
        <v>37</v>
      </c>
      <c r="V68" s="3" t="s">
        <v>37</v>
      </c>
    </row>
    <row r="69" spans="1:22" x14ac:dyDescent="0.25">
      <c r="A69" s="3" t="s">
        <v>22</v>
      </c>
      <c r="B69" s="4" t="s">
        <v>247</v>
      </c>
      <c r="C69" s="3" t="s">
        <v>248</v>
      </c>
      <c r="D69" s="5" t="s">
        <v>192</v>
      </c>
      <c r="E69" s="3" t="s">
        <v>61</v>
      </c>
      <c r="F69" s="3" t="s">
        <v>358</v>
      </c>
      <c r="G69" s="3" t="s">
        <v>29</v>
      </c>
      <c r="H69" s="3" t="s">
        <v>64</v>
      </c>
      <c r="I69" s="3" t="s">
        <v>37</v>
      </c>
      <c r="J69" s="3" t="s">
        <v>359</v>
      </c>
      <c r="K69" s="3" t="s">
        <v>32</v>
      </c>
      <c r="L69" s="3" t="s">
        <v>33</v>
      </c>
      <c r="M69" s="3" t="s">
        <v>66</v>
      </c>
      <c r="N69" s="3" t="s">
        <v>67</v>
      </c>
      <c r="O69" s="3" t="s">
        <v>52</v>
      </c>
      <c r="P69" s="3" t="s">
        <v>53</v>
      </c>
      <c r="Q69" s="3" t="s">
        <v>37</v>
      </c>
      <c r="R69" s="3" t="s">
        <v>38</v>
      </c>
      <c r="S69" s="3" t="s">
        <v>360</v>
      </c>
      <c r="T69" s="3" t="s">
        <v>37</v>
      </c>
      <c r="U69" s="3" t="s">
        <v>37</v>
      </c>
      <c r="V69" s="3" t="s">
        <v>37</v>
      </c>
    </row>
    <row r="70" spans="1:22" x14ac:dyDescent="0.25">
      <c r="A70" s="3" t="s">
        <v>22</v>
      </c>
      <c r="B70" s="4" t="s">
        <v>247</v>
      </c>
      <c r="C70" s="3" t="s">
        <v>248</v>
      </c>
      <c r="D70" s="5" t="s">
        <v>198</v>
      </c>
      <c r="E70" s="3" t="s">
        <v>61</v>
      </c>
      <c r="F70" s="3" t="s">
        <v>361</v>
      </c>
      <c r="G70" s="3" t="s">
        <v>77</v>
      </c>
      <c r="H70" s="3" t="s">
        <v>64</v>
      </c>
      <c r="I70" s="3" t="s">
        <v>37</v>
      </c>
      <c r="J70" s="3" t="s">
        <v>362</v>
      </c>
      <c r="K70" s="3" t="s">
        <v>32</v>
      </c>
      <c r="L70" s="3" t="s">
        <v>33</v>
      </c>
      <c r="M70" s="3" t="s">
        <v>66</v>
      </c>
      <c r="N70" s="3" t="s">
        <v>67</v>
      </c>
      <c r="O70" s="3" t="s">
        <v>52</v>
      </c>
      <c r="P70" s="3" t="s">
        <v>53</v>
      </c>
      <c r="Q70" s="3" t="s">
        <v>37</v>
      </c>
      <c r="R70" s="3" t="s">
        <v>38</v>
      </c>
      <c r="S70" s="3" t="s">
        <v>363</v>
      </c>
      <c r="T70" s="3" t="s">
        <v>37</v>
      </c>
      <c r="U70" s="3" t="s">
        <v>37</v>
      </c>
      <c r="V70" s="3" t="s">
        <v>37</v>
      </c>
    </row>
    <row r="71" spans="1:22" x14ac:dyDescent="0.25">
      <c r="A71" s="3" t="s">
        <v>22</v>
      </c>
      <c r="B71" s="4" t="s">
        <v>247</v>
      </c>
      <c r="C71" s="3" t="s">
        <v>248</v>
      </c>
      <c r="D71" s="5" t="s">
        <v>203</v>
      </c>
      <c r="E71" s="3" t="s">
        <v>61</v>
      </c>
      <c r="F71" s="3" t="s">
        <v>364</v>
      </c>
      <c r="G71" s="3" t="s">
        <v>120</v>
      </c>
      <c r="H71" s="3" t="s">
        <v>64</v>
      </c>
      <c r="I71" s="3" t="s">
        <v>37</v>
      </c>
      <c r="J71" s="3" t="s">
        <v>365</v>
      </c>
      <c r="K71" s="3" t="s">
        <v>32</v>
      </c>
      <c r="L71" s="3" t="s">
        <v>33</v>
      </c>
      <c r="M71" s="3" t="s">
        <v>66</v>
      </c>
      <c r="N71" s="3" t="s">
        <v>67</v>
      </c>
      <c r="O71" s="3" t="s">
        <v>52</v>
      </c>
      <c r="P71" s="3" t="s">
        <v>53</v>
      </c>
      <c r="Q71" s="3" t="s">
        <v>37</v>
      </c>
      <c r="R71" s="3" t="s">
        <v>38</v>
      </c>
      <c r="S71" s="3" t="s">
        <v>366</v>
      </c>
      <c r="T71" s="3" t="s">
        <v>37</v>
      </c>
      <c r="U71" s="3" t="s">
        <v>37</v>
      </c>
      <c r="V71" s="3" t="s">
        <v>37</v>
      </c>
    </row>
    <row r="72" spans="1:22" x14ac:dyDescent="0.25">
      <c r="A72" s="3" t="s">
        <v>22</v>
      </c>
      <c r="B72" s="4" t="s">
        <v>247</v>
      </c>
      <c r="C72" s="3" t="s">
        <v>248</v>
      </c>
      <c r="D72" s="5" t="s">
        <v>207</v>
      </c>
      <c r="E72" s="3" t="s">
        <v>46</v>
      </c>
      <c r="F72" s="3" t="s">
        <v>367</v>
      </c>
      <c r="G72" s="3" t="s">
        <v>77</v>
      </c>
      <c r="H72" s="3" t="s">
        <v>64</v>
      </c>
      <c r="I72" s="3" t="s">
        <v>49</v>
      </c>
      <c r="J72" s="3" t="s">
        <v>368</v>
      </c>
      <c r="K72" s="3" t="s">
        <v>32</v>
      </c>
      <c r="L72" s="3" t="s">
        <v>33</v>
      </c>
      <c r="M72" s="3" t="s">
        <v>34</v>
      </c>
      <c r="N72" s="3" t="s">
        <v>35</v>
      </c>
      <c r="O72" s="3" t="s">
        <v>52</v>
      </c>
      <c r="P72" s="3" t="s">
        <v>53</v>
      </c>
      <c r="Q72" s="3" t="s">
        <v>72</v>
      </c>
      <c r="R72" s="3" t="s">
        <v>38</v>
      </c>
      <c r="S72" s="3" t="s">
        <v>369</v>
      </c>
      <c r="T72" s="3" t="s">
        <v>37</v>
      </c>
      <c r="U72" s="3" t="s">
        <v>37</v>
      </c>
      <c r="V72" s="3" t="s">
        <v>37</v>
      </c>
    </row>
    <row r="73" spans="1:22" x14ac:dyDescent="0.25">
      <c r="A73" s="3" t="s">
        <v>22</v>
      </c>
      <c r="B73" s="4" t="s">
        <v>247</v>
      </c>
      <c r="C73" s="3" t="s">
        <v>248</v>
      </c>
      <c r="D73" s="5" t="s">
        <v>370</v>
      </c>
      <c r="E73" s="3" t="s">
        <v>46</v>
      </c>
      <c r="F73" s="3" t="s">
        <v>371</v>
      </c>
      <c r="G73" s="3" t="s">
        <v>278</v>
      </c>
      <c r="H73" s="3" t="s">
        <v>64</v>
      </c>
      <c r="I73" s="3" t="s">
        <v>49</v>
      </c>
      <c r="J73" s="3" t="s">
        <v>372</v>
      </c>
      <c r="K73" s="3" t="s">
        <v>32</v>
      </c>
      <c r="L73" s="3" t="s">
        <v>33</v>
      </c>
      <c r="M73" s="3" t="s">
        <v>34</v>
      </c>
      <c r="N73" s="3" t="s">
        <v>35</v>
      </c>
      <c r="O73" s="3" t="s">
        <v>52</v>
      </c>
      <c r="P73" s="3" t="s">
        <v>53</v>
      </c>
      <c r="Q73" s="3" t="s">
        <v>72</v>
      </c>
      <c r="R73" s="3" t="s">
        <v>38</v>
      </c>
      <c r="S73" s="3" t="s">
        <v>373</v>
      </c>
      <c r="T73" s="3" t="s">
        <v>37</v>
      </c>
      <c r="U73" s="3" t="s">
        <v>37</v>
      </c>
      <c r="V73" s="3" t="s">
        <v>37</v>
      </c>
    </row>
    <row r="74" spans="1:22" x14ac:dyDescent="0.25">
      <c r="A74" s="3" t="s">
        <v>22</v>
      </c>
      <c r="B74" s="4" t="s">
        <v>247</v>
      </c>
      <c r="C74" s="3" t="s">
        <v>248</v>
      </c>
      <c r="D74" s="5" t="s">
        <v>374</v>
      </c>
      <c r="E74" s="3" t="s">
        <v>46</v>
      </c>
      <c r="F74" s="3" t="s">
        <v>375</v>
      </c>
      <c r="G74" s="3" t="s">
        <v>222</v>
      </c>
      <c r="H74" s="3" t="s">
        <v>64</v>
      </c>
      <c r="I74" s="3" t="s">
        <v>49</v>
      </c>
      <c r="J74" s="3" t="s">
        <v>376</v>
      </c>
      <c r="K74" s="3" t="s">
        <v>32</v>
      </c>
      <c r="L74" s="3" t="s">
        <v>33</v>
      </c>
      <c r="M74" s="3" t="s">
        <v>34</v>
      </c>
      <c r="N74" s="3" t="s">
        <v>35</v>
      </c>
      <c r="O74" s="3" t="s">
        <v>52</v>
      </c>
      <c r="P74" s="3" t="s">
        <v>53</v>
      </c>
      <c r="Q74" s="3" t="s">
        <v>72</v>
      </c>
      <c r="R74" s="3" t="s">
        <v>38</v>
      </c>
      <c r="S74" s="3" t="s">
        <v>377</v>
      </c>
      <c r="T74" s="3" t="s">
        <v>37</v>
      </c>
      <c r="U74" s="3" t="s">
        <v>37</v>
      </c>
      <c r="V74" s="3" t="s">
        <v>37</v>
      </c>
    </row>
    <row r="75" spans="1:22" x14ac:dyDescent="0.25">
      <c r="A75" s="3" t="s">
        <v>22</v>
      </c>
      <c r="B75" s="4" t="s">
        <v>247</v>
      </c>
      <c r="C75" s="3" t="s">
        <v>248</v>
      </c>
      <c r="D75" s="5" t="s">
        <v>378</v>
      </c>
      <c r="E75" s="3" t="s">
        <v>46</v>
      </c>
      <c r="F75" s="3" t="s">
        <v>379</v>
      </c>
      <c r="G75" s="3" t="s">
        <v>380</v>
      </c>
      <c r="H75" s="3" t="s">
        <v>64</v>
      </c>
      <c r="I75" s="3" t="s">
        <v>49</v>
      </c>
      <c r="J75" s="3" t="s">
        <v>381</v>
      </c>
      <c r="K75" s="3" t="s">
        <v>32</v>
      </c>
      <c r="L75" s="3" t="s">
        <v>33</v>
      </c>
      <c r="M75" s="3" t="s">
        <v>34</v>
      </c>
      <c r="N75" s="3" t="s">
        <v>35</v>
      </c>
      <c r="O75" s="3" t="s">
        <v>52</v>
      </c>
      <c r="P75" s="3" t="s">
        <v>53</v>
      </c>
      <c r="Q75" s="3" t="s">
        <v>72</v>
      </c>
      <c r="R75" s="3" t="s">
        <v>38</v>
      </c>
      <c r="S75" s="3" t="s">
        <v>382</v>
      </c>
      <c r="T75" s="3" t="s">
        <v>37</v>
      </c>
      <c r="U75" s="3" t="s">
        <v>37</v>
      </c>
      <c r="V75" s="3" t="s">
        <v>37</v>
      </c>
    </row>
    <row r="76" spans="1:22" x14ac:dyDescent="0.25">
      <c r="A76" s="3" t="s">
        <v>22</v>
      </c>
      <c r="B76" s="4" t="s">
        <v>247</v>
      </c>
      <c r="C76" s="3" t="s">
        <v>248</v>
      </c>
      <c r="D76" s="5" t="s">
        <v>216</v>
      </c>
      <c r="E76" s="3" t="s">
        <v>383</v>
      </c>
      <c r="F76" s="3" t="s">
        <v>384</v>
      </c>
      <c r="G76" s="3" t="s">
        <v>120</v>
      </c>
      <c r="H76" s="3" t="s">
        <v>29</v>
      </c>
      <c r="I76" s="3" t="s">
        <v>385</v>
      </c>
      <c r="J76" s="3" t="s">
        <v>384</v>
      </c>
      <c r="K76" s="3" t="s">
        <v>32</v>
      </c>
      <c r="L76" s="3" t="s">
        <v>33</v>
      </c>
      <c r="M76" s="3" t="s">
        <v>66</v>
      </c>
      <c r="N76" s="3" t="s">
        <v>386</v>
      </c>
      <c r="O76" s="3" t="s">
        <v>254</v>
      </c>
      <c r="P76" s="3" t="s">
        <v>37</v>
      </c>
      <c r="Q76" s="3" t="s">
        <v>72</v>
      </c>
      <c r="R76" s="3" t="s">
        <v>38</v>
      </c>
      <c r="S76" s="3" t="s">
        <v>387</v>
      </c>
      <c r="T76" s="3" t="s">
        <v>37</v>
      </c>
      <c r="U76" s="3" t="s">
        <v>37</v>
      </c>
      <c r="V76" s="3" t="s">
        <v>37</v>
      </c>
    </row>
    <row r="77" spans="1:22" x14ac:dyDescent="0.25">
      <c r="A77" s="3" t="s">
        <v>22</v>
      </c>
      <c r="B77" s="4" t="s">
        <v>247</v>
      </c>
      <c r="C77" s="3" t="s">
        <v>248</v>
      </c>
      <c r="D77" s="5" t="s">
        <v>388</v>
      </c>
      <c r="E77" s="3" t="s">
        <v>383</v>
      </c>
      <c r="F77" s="3" t="s">
        <v>389</v>
      </c>
      <c r="G77" s="3" t="s">
        <v>239</v>
      </c>
      <c r="H77" s="3" t="s">
        <v>29</v>
      </c>
      <c r="I77" s="3" t="s">
        <v>385</v>
      </c>
      <c r="J77" s="3" t="s">
        <v>389</v>
      </c>
      <c r="K77" s="3" t="s">
        <v>32</v>
      </c>
      <c r="L77" s="3" t="s">
        <v>33</v>
      </c>
      <c r="M77" s="3" t="s">
        <v>66</v>
      </c>
      <c r="N77" s="3" t="s">
        <v>386</v>
      </c>
      <c r="O77" s="3" t="s">
        <v>254</v>
      </c>
      <c r="P77" s="3" t="s">
        <v>37</v>
      </c>
      <c r="Q77" s="3" t="s">
        <v>72</v>
      </c>
      <c r="R77" s="3" t="s">
        <v>38</v>
      </c>
      <c r="S77" s="3" t="s">
        <v>390</v>
      </c>
      <c r="T77" s="3" t="s">
        <v>37</v>
      </c>
      <c r="U77" s="3" t="s">
        <v>37</v>
      </c>
      <c r="V77" s="3" t="s">
        <v>37</v>
      </c>
    </row>
    <row r="78" spans="1:22" x14ac:dyDescent="0.25">
      <c r="A78" s="3" t="s">
        <v>22</v>
      </c>
      <c r="B78" s="4" t="s">
        <v>247</v>
      </c>
      <c r="C78" s="3" t="s">
        <v>248</v>
      </c>
      <c r="D78" s="5" t="s">
        <v>391</v>
      </c>
      <c r="E78" s="3" t="s">
        <v>383</v>
      </c>
      <c r="F78" s="3" t="s">
        <v>392</v>
      </c>
      <c r="G78" s="3" t="s">
        <v>352</v>
      </c>
      <c r="H78" s="3" t="s">
        <v>29</v>
      </c>
      <c r="I78" s="3" t="s">
        <v>385</v>
      </c>
      <c r="J78" s="3" t="s">
        <v>392</v>
      </c>
      <c r="K78" s="3" t="s">
        <v>32</v>
      </c>
      <c r="L78" s="3" t="s">
        <v>33</v>
      </c>
      <c r="M78" s="3" t="s">
        <v>66</v>
      </c>
      <c r="N78" s="3" t="s">
        <v>386</v>
      </c>
      <c r="O78" s="3" t="s">
        <v>254</v>
      </c>
      <c r="P78" s="3" t="s">
        <v>37</v>
      </c>
      <c r="Q78" s="3" t="s">
        <v>72</v>
      </c>
      <c r="R78" s="3" t="s">
        <v>38</v>
      </c>
      <c r="S78" s="3" t="s">
        <v>393</v>
      </c>
      <c r="T78" s="3" t="s">
        <v>37</v>
      </c>
      <c r="U78" s="3" t="s">
        <v>37</v>
      </c>
      <c r="V78" s="3" t="s">
        <v>37</v>
      </c>
    </row>
    <row r="79" spans="1:22" x14ac:dyDescent="0.25">
      <c r="A79" s="3" t="s">
        <v>22</v>
      </c>
      <c r="B79" s="4" t="s">
        <v>247</v>
      </c>
      <c r="C79" s="3" t="s">
        <v>248</v>
      </c>
      <c r="D79" s="5" t="s">
        <v>394</v>
      </c>
      <c r="E79" s="3" t="s">
        <v>383</v>
      </c>
      <c r="F79" s="3" t="s">
        <v>395</v>
      </c>
      <c r="G79" s="3" t="s">
        <v>70</v>
      </c>
      <c r="H79" s="3" t="s">
        <v>77</v>
      </c>
      <c r="I79" s="3" t="s">
        <v>385</v>
      </c>
      <c r="J79" s="3" t="s">
        <v>396</v>
      </c>
      <c r="K79" s="3" t="s">
        <v>32</v>
      </c>
      <c r="L79" s="3" t="s">
        <v>33</v>
      </c>
      <c r="M79" s="3" t="s">
        <v>66</v>
      </c>
      <c r="N79" s="3" t="s">
        <v>51</v>
      </c>
      <c r="O79" s="3" t="s">
        <v>254</v>
      </c>
      <c r="P79" s="3" t="s">
        <v>37</v>
      </c>
      <c r="Q79" s="3" t="s">
        <v>37</v>
      </c>
      <c r="R79" s="3" t="s">
        <v>38</v>
      </c>
      <c r="S79" s="3" t="s">
        <v>397</v>
      </c>
      <c r="T79" s="3" t="s">
        <v>37</v>
      </c>
      <c r="U79" s="3" t="s">
        <v>37</v>
      </c>
      <c r="V79" s="3" t="s">
        <v>37</v>
      </c>
    </row>
    <row r="80" spans="1:22" x14ac:dyDescent="0.25">
      <c r="A80" s="3" t="s">
        <v>22</v>
      </c>
      <c r="B80" s="4" t="s">
        <v>247</v>
      </c>
      <c r="C80" s="3" t="s">
        <v>248</v>
      </c>
      <c r="D80" s="5" t="s">
        <v>225</v>
      </c>
      <c r="E80" s="3" t="s">
        <v>398</v>
      </c>
      <c r="F80" s="3" t="s">
        <v>399</v>
      </c>
      <c r="G80" s="3" t="s">
        <v>380</v>
      </c>
      <c r="H80" s="3" t="s">
        <v>64</v>
      </c>
      <c r="I80" s="3" t="s">
        <v>37</v>
      </c>
      <c r="J80" s="3" t="s">
        <v>400</v>
      </c>
      <c r="K80" s="3" t="s">
        <v>32</v>
      </c>
      <c r="L80" s="3" t="s">
        <v>33</v>
      </c>
      <c r="M80" s="3" t="s">
        <v>401</v>
      </c>
      <c r="N80" s="3" t="s">
        <v>67</v>
      </c>
      <c r="O80" s="3" t="s">
        <v>52</v>
      </c>
      <c r="P80" s="3" t="s">
        <v>53</v>
      </c>
      <c r="Q80" s="3" t="s">
        <v>37</v>
      </c>
      <c r="R80" s="3" t="s">
        <v>38</v>
      </c>
      <c r="S80" s="3" t="s">
        <v>402</v>
      </c>
      <c r="T80" s="3" t="s">
        <v>37</v>
      </c>
      <c r="U80" s="3" t="s">
        <v>37</v>
      </c>
      <c r="V80" s="3" t="s">
        <v>403</v>
      </c>
    </row>
    <row r="81" spans="1:22" x14ac:dyDescent="0.25">
      <c r="A81" s="3" t="s">
        <v>22</v>
      </c>
      <c r="B81" s="4" t="s">
        <v>247</v>
      </c>
      <c r="C81" s="3" t="s">
        <v>248</v>
      </c>
      <c r="D81" s="5" t="s">
        <v>231</v>
      </c>
      <c r="E81" s="3" t="s">
        <v>398</v>
      </c>
      <c r="F81" s="3" t="s">
        <v>404</v>
      </c>
      <c r="G81" s="3" t="s">
        <v>213</v>
      </c>
      <c r="H81" s="3" t="s">
        <v>64</v>
      </c>
      <c r="I81" s="3" t="s">
        <v>37</v>
      </c>
      <c r="J81" s="3" t="s">
        <v>405</v>
      </c>
      <c r="K81" s="3" t="s">
        <v>32</v>
      </c>
      <c r="L81" s="3" t="s">
        <v>33</v>
      </c>
      <c r="M81" s="3" t="s">
        <v>401</v>
      </c>
      <c r="N81" s="3" t="s">
        <v>67</v>
      </c>
      <c r="O81" s="3" t="s">
        <v>52</v>
      </c>
      <c r="P81" s="3" t="s">
        <v>53</v>
      </c>
      <c r="Q81" s="3" t="s">
        <v>37</v>
      </c>
      <c r="R81" s="3" t="s">
        <v>38</v>
      </c>
      <c r="S81" s="3" t="s">
        <v>406</v>
      </c>
      <c r="T81" s="3" t="s">
        <v>37</v>
      </c>
      <c r="U81" s="3" t="s">
        <v>37</v>
      </c>
      <c r="V81" s="3" t="s">
        <v>403</v>
      </c>
    </row>
    <row r="82" spans="1:22" x14ac:dyDescent="0.25">
      <c r="A82" s="3" t="s">
        <v>22</v>
      </c>
      <c r="B82" s="4" t="s">
        <v>247</v>
      </c>
      <c r="C82" s="3" t="s">
        <v>248</v>
      </c>
      <c r="D82" s="5" t="s">
        <v>236</v>
      </c>
      <c r="E82" s="3" t="s">
        <v>141</v>
      </c>
      <c r="F82" s="3" t="s">
        <v>407</v>
      </c>
      <c r="G82" s="3" t="s">
        <v>408</v>
      </c>
      <c r="H82" s="3" t="s">
        <v>29</v>
      </c>
      <c r="I82" s="3" t="s">
        <v>328</v>
      </c>
      <c r="J82" s="3" t="s">
        <v>409</v>
      </c>
      <c r="K82" s="3" t="s">
        <v>32</v>
      </c>
      <c r="L82" s="3" t="s">
        <v>33</v>
      </c>
      <c r="M82" s="3" t="s">
        <v>66</v>
      </c>
      <c r="N82" s="3" t="s">
        <v>67</v>
      </c>
      <c r="O82" s="3" t="s">
        <v>52</v>
      </c>
      <c r="P82" s="3" t="s">
        <v>53</v>
      </c>
      <c r="Q82" s="3" t="s">
        <v>37</v>
      </c>
      <c r="R82" s="3" t="s">
        <v>38</v>
      </c>
      <c r="S82" s="3" t="s">
        <v>410</v>
      </c>
      <c r="T82" s="3" t="s">
        <v>37</v>
      </c>
      <c r="U82" s="3" t="s">
        <v>37</v>
      </c>
      <c r="V82" s="3" t="s">
        <v>37</v>
      </c>
    </row>
    <row r="83" spans="1:22" x14ac:dyDescent="0.25">
      <c r="A83" s="3" t="s">
        <v>22</v>
      </c>
      <c r="B83" s="4" t="s">
        <v>247</v>
      </c>
      <c r="C83" s="3" t="s">
        <v>248</v>
      </c>
      <c r="D83" s="5" t="s">
        <v>243</v>
      </c>
      <c r="E83" s="3" t="s">
        <v>141</v>
      </c>
      <c r="F83" s="3" t="s">
        <v>411</v>
      </c>
      <c r="G83" s="3" t="s">
        <v>412</v>
      </c>
      <c r="H83" s="3" t="s">
        <v>29</v>
      </c>
      <c r="I83" s="3" t="s">
        <v>328</v>
      </c>
      <c r="J83" s="3" t="s">
        <v>413</v>
      </c>
      <c r="K83" s="3" t="s">
        <v>32</v>
      </c>
      <c r="L83" s="3" t="s">
        <v>33</v>
      </c>
      <c r="M83" s="3" t="s">
        <v>66</v>
      </c>
      <c r="N83" s="3" t="s">
        <v>67</v>
      </c>
      <c r="O83" s="3" t="s">
        <v>52</v>
      </c>
      <c r="P83" s="3" t="s">
        <v>53</v>
      </c>
      <c r="Q83" s="3" t="s">
        <v>37</v>
      </c>
      <c r="R83" s="3" t="s">
        <v>38</v>
      </c>
      <c r="S83" s="3" t="s">
        <v>414</v>
      </c>
      <c r="T83" s="3" t="s">
        <v>37</v>
      </c>
      <c r="U83" s="3" t="s">
        <v>37</v>
      </c>
      <c r="V83" s="3" t="s">
        <v>37</v>
      </c>
    </row>
    <row r="84" spans="1:22" x14ac:dyDescent="0.25">
      <c r="A84" s="3"/>
      <c r="B84" s="4"/>
      <c r="C84" s="3"/>
      <c r="D84" s="5"/>
      <c r="E84" s="6" t="s">
        <v>246</v>
      </c>
      <c r="F84" s="3"/>
      <c r="G84" s="3"/>
      <c r="H84" s="3"/>
      <c r="I84" s="3"/>
      <c r="J84" s="3"/>
      <c r="K84" s="3"/>
      <c r="L84" s="3"/>
      <c r="M84" s="3"/>
      <c r="N84" s="3"/>
      <c r="O84" s="3"/>
      <c r="P84" s="3"/>
      <c r="Q84" s="3"/>
      <c r="R84" s="3"/>
      <c r="S84" s="3"/>
      <c r="T84" s="3"/>
      <c r="U84" s="3"/>
      <c r="V84" s="3"/>
    </row>
    <row r="85" spans="1:22" x14ac:dyDescent="0.25">
      <c r="A85" s="3"/>
      <c r="B85" s="4"/>
      <c r="C85" s="3"/>
      <c r="D85" s="5"/>
      <c r="E85" s="3"/>
      <c r="F85" s="3"/>
      <c r="G85" s="3"/>
      <c r="H85" s="3"/>
      <c r="I85" s="3"/>
      <c r="J85" s="3"/>
      <c r="K85" s="3"/>
      <c r="L85" s="3"/>
      <c r="M85" s="3"/>
      <c r="N85" s="3"/>
      <c r="O85" s="3"/>
      <c r="P85" s="3"/>
      <c r="Q85" s="3"/>
      <c r="R85" s="3"/>
      <c r="S85" s="3"/>
      <c r="T85" s="3"/>
      <c r="U85" s="3"/>
      <c r="V85" s="3"/>
    </row>
    <row r="86" spans="1:22" x14ac:dyDescent="0.25">
      <c r="A86" s="3" t="s">
        <v>22</v>
      </c>
      <c r="B86" s="4" t="s">
        <v>415</v>
      </c>
      <c r="C86" s="3" t="s">
        <v>416</v>
      </c>
      <c r="D86" s="5" t="s">
        <v>25</v>
      </c>
      <c r="E86" s="3" t="s">
        <v>417</v>
      </c>
      <c r="F86" s="3" t="s">
        <v>418</v>
      </c>
      <c r="G86" s="3" t="s">
        <v>195</v>
      </c>
      <c r="H86" s="3" t="s">
        <v>29</v>
      </c>
      <c r="I86" s="3" t="s">
        <v>37</v>
      </c>
      <c r="J86" s="3" t="s">
        <v>419</v>
      </c>
      <c r="K86" s="3" t="s">
        <v>32</v>
      </c>
      <c r="L86" s="3" t="s">
        <v>33</v>
      </c>
      <c r="M86" s="3" t="s">
        <v>66</v>
      </c>
      <c r="N86" s="3" t="s">
        <v>79</v>
      </c>
      <c r="O86" s="3" t="s">
        <v>52</v>
      </c>
      <c r="P86" s="3" t="s">
        <v>53</v>
      </c>
      <c r="Q86" s="3" t="s">
        <v>37</v>
      </c>
      <c r="R86" s="3" t="s">
        <v>38</v>
      </c>
      <c r="S86" s="3" t="s">
        <v>420</v>
      </c>
      <c r="T86" s="3" t="s">
        <v>37</v>
      </c>
      <c r="U86" s="3" t="s">
        <v>37</v>
      </c>
      <c r="V86" s="3" t="s">
        <v>403</v>
      </c>
    </row>
    <row r="87" spans="1:22" x14ac:dyDescent="0.25">
      <c r="A87" s="3" t="s">
        <v>22</v>
      </c>
      <c r="B87" s="4" t="s">
        <v>415</v>
      </c>
      <c r="C87" s="3" t="s">
        <v>416</v>
      </c>
      <c r="D87" s="5" t="s">
        <v>40</v>
      </c>
      <c r="E87" s="3" t="s">
        <v>417</v>
      </c>
      <c r="F87" s="3" t="s">
        <v>421</v>
      </c>
      <c r="G87" s="3" t="s">
        <v>422</v>
      </c>
      <c r="H87" s="3" t="s">
        <v>29</v>
      </c>
      <c r="I87" s="3" t="s">
        <v>37</v>
      </c>
      <c r="J87" s="3" t="s">
        <v>423</v>
      </c>
      <c r="K87" s="3" t="s">
        <v>32</v>
      </c>
      <c r="L87" s="3" t="s">
        <v>33</v>
      </c>
      <c r="M87" s="3" t="s">
        <v>66</v>
      </c>
      <c r="N87" s="3" t="s">
        <v>79</v>
      </c>
      <c r="O87" s="3" t="s">
        <v>52</v>
      </c>
      <c r="P87" s="3" t="s">
        <v>37</v>
      </c>
      <c r="Q87" s="3" t="s">
        <v>37</v>
      </c>
      <c r="R87" s="3" t="s">
        <v>38</v>
      </c>
      <c r="S87" s="3" t="s">
        <v>424</v>
      </c>
      <c r="T87" s="3" t="s">
        <v>37</v>
      </c>
      <c r="U87" s="3" t="s">
        <v>37</v>
      </c>
      <c r="V87" s="3" t="s">
        <v>37</v>
      </c>
    </row>
    <row r="88" spans="1:22" x14ac:dyDescent="0.25">
      <c r="A88" s="3" t="s">
        <v>22</v>
      </c>
      <c r="B88" s="4" t="s">
        <v>415</v>
      </c>
      <c r="C88" s="3" t="s">
        <v>416</v>
      </c>
      <c r="D88" s="5" t="s">
        <v>45</v>
      </c>
      <c r="E88" s="3" t="s">
        <v>46</v>
      </c>
      <c r="F88" s="3" t="s">
        <v>425</v>
      </c>
      <c r="G88" s="3" t="s">
        <v>426</v>
      </c>
      <c r="H88" s="3" t="s">
        <v>29</v>
      </c>
      <c r="I88" s="3" t="s">
        <v>49</v>
      </c>
      <c r="J88" s="3" t="s">
        <v>427</v>
      </c>
      <c r="K88" s="3" t="s">
        <v>32</v>
      </c>
      <c r="L88" s="3" t="s">
        <v>33</v>
      </c>
      <c r="M88" s="3" t="s">
        <v>34</v>
      </c>
      <c r="N88" s="3" t="s">
        <v>51</v>
      </c>
      <c r="O88" s="3" t="s">
        <v>80</v>
      </c>
      <c r="P88" s="3" t="s">
        <v>53</v>
      </c>
      <c r="Q88" s="3" t="s">
        <v>37</v>
      </c>
      <c r="R88" s="3" t="s">
        <v>38</v>
      </c>
      <c r="S88" s="3" t="s">
        <v>428</v>
      </c>
      <c r="T88" s="3" t="s">
        <v>37</v>
      </c>
      <c r="U88" s="3" t="s">
        <v>37</v>
      </c>
      <c r="V88" s="3" t="s">
        <v>37</v>
      </c>
    </row>
    <row r="89" spans="1:22" x14ac:dyDescent="0.25">
      <c r="A89" s="3" t="s">
        <v>22</v>
      </c>
      <c r="B89" s="4" t="s">
        <v>415</v>
      </c>
      <c r="C89" s="3" t="s">
        <v>416</v>
      </c>
      <c r="D89" s="5" t="s">
        <v>55</v>
      </c>
      <c r="E89" s="3" t="s">
        <v>46</v>
      </c>
      <c r="F89" s="3" t="s">
        <v>429</v>
      </c>
      <c r="G89" s="3" t="s">
        <v>430</v>
      </c>
      <c r="H89" s="3" t="s">
        <v>29</v>
      </c>
      <c r="I89" s="3" t="s">
        <v>49</v>
      </c>
      <c r="J89" s="3" t="s">
        <v>431</v>
      </c>
      <c r="K89" s="3" t="s">
        <v>32</v>
      </c>
      <c r="L89" s="3" t="s">
        <v>33</v>
      </c>
      <c r="M89" s="3" t="s">
        <v>34</v>
      </c>
      <c r="N89" s="3" t="s">
        <v>51</v>
      </c>
      <c r="O89" s="3" t="s">
        <v>52</v>
      </c>
      <c r="P89" s="3" t="s">
        <v>53</v>
      </c>
      <c r="Q89" s="3" t="s">
        <v>37</v>
      </c>
      <c r="R89" s="3" t="s">
        <v>38</v>
      </c>
      <c r="S89" s="3" t="s">
        <v>432</v>
      </c>
      <c r="T89" s="3" t="s">
        <v>37</v>
      </c>
      <c r="U89" s="3" t="s">
        <v>37</v>
      </c>
      <c r="V89" s="3" t="s">
        <v>37</v>
      </c>
    </row>
    <row r="90" spans="1:22" x14ac:dyDescent="0.25">
      <c r="A90" s="3" t="s">
        <v>22</v>
      </c>
      <c r="B90" s="4" t="s">
        <v>415</v>
      </c>
      <c r="C90" s="3" t="s">
        <v>416</v>
      </c>
      <c r="D90" s="5" t="s">
        <v>60</v>
      </c>
      <c r="E90" s="3" t="s">
        <v>74</v>
      </c>
      <c r="F90" s="3" t="s">
        <v>433</v>
      </c>
      <c r="G90" s="3" t="s">
        <v>28</v>
      </c>
      <c r="H90" s="3" t="s">
        <v>29</v>
      </c>
      <c r="I90" s="3" t="s">
        <v>434</v>
      </c>
      <c r="J90" s="3" t="s">
        <v>435</v>
      </c>
      <c r="K90" s="3" t="s">
        <v>32</v>
      </c>
      <c r="L90" s="3" t="s">
        <v>33</v>
      </c>
      <c r="M90" s="3" t="s">
        <v>66</v>
      </c>
      <c r="N90" s="3" t="s">
        <v>160</v>
      </c>
      <c r="O90" s="3" t="s">
        <v>52</v>
      </c>
      <c r="P90" s="3" t="s">
        <v>53</v>
      </c>
      <c r="Q90" s="3" t="s">
        <v>37</v>
      </c>
      <c r="R90" s="3" t="s">
        <v>38</v>
      </c>
      <c r="S90" s="3" t="s">
        <v>436</v>
      </c>
      <c r="T90" s="3" t="s">
        <v>37</v>
      </c>
      <c r="U90" s="3" t="s">
        <v>37</v>
      </c>
      <c r="V90" s="3" t="s">
        <v>37</v>
      </c>
    </row>
    <row r="91" spans="1:22" x14ac:dyDescent="0.25">
      <c r="A91" s="3" t="s">
        <v>22</v>
      </c>
      <c r="B91" s="4" t="s">
        <v>415</v>
      </c>
      <c r="C91" s="3" t="s">
        <v>416</v>
      </c>
      <c r="D91" s="5" t="s">
        <v>69</v>
      </c>
      <c r="E91" s="3" t="s">
        <v>74</v>
      </c>
      <c r="F91" s="3" t="s">
        <v>437</v>
      </c>
      <c r="G91" s="3" t="s">
        <v>42</v>
      </c>
      <c r="H91" s="3" t="s">
        <v>29</v>
      </c>
      <c r="I91" s="3" t="s">
        <v>434</v>
      </c>
      <c r="J91" s="3" t="s">
        <v>438</v>
      </c>
      <c r="K91" s="3" t="s">
        <v>32</v>
      </c>
      <c r="L91" s="3" t="s">
        <v>33</v>
      </c>
      <c r="M91" s="3" t="s">
        <v>66</v>
      </c>
      <c r="N91" s="3" t="s">
        <v>160</v>
      </c>
      <c r="O91" s="3" t="s">
        <v>52</v>
      </c>
      <c r="P91" s="3" t="s">
        <v>53</v>
      </c>
      <c r="Q91" s="3" t="s">
        <v>37</v>
      </c>
      <c r="R91" s="3" t="s">
        <v>38</v>
      </c>
      <c r="S91" s="3" t="s">
        <v>439</v>
      </c>
      <c r="T91" s="3" t="s">
        <v>37</v>
      </c>
      <c r="U91" s="3" t="s">
        <v>37</v>
      </c>
      <c r="V91" s="3" t="s">
        <v>37</v>
      </c>
    </row>
    <row r="92" spans="1:22" x14ac:dyDescent="0.25">
      <c r="A92" s="3" t="s">
        <v>22</v>
      </c>
      <c r="B92" s="4" t="s">
        <v>415</v>
      </c>
      <c r="C92" s="3" t="s">
        <v>416</v>
      </c>
      <c r="D92" s="5" t="s">
        <v>440</v>
      </c>
      <c r="E92" s="3" t="s">
        <v>74</v>
      </c>
      <c r="F92" s="3" t="s">
        <v>441</v>
      </c>
      <c r="G92" s="3" t="s">
        <v>132</v>
      </c>
      <c r="H92" s="3" t="s">
        <v>29</v>
      </c>
      <c r="I92" s="3" t="s">
        <v>434</v>
      </c>
      <c r="J92" s="3" t="s">
        <v>442</v>
      </c>
      <c r="K92" s="3" t="s">
        <v>32</v>
      </c>
      <c r="L92" s="3" t="s">
        <v>33</v>
      </c>
      <c r="M92" s="3" t="s">
        <v>66</v>
      </c>
      <c r="N92" s="3" t="s">
        <v>160</v>
      </c>
      <c r="O92" s="3" t="s">
        <v>52</v>
      </c>
      <c r="P92" s="3" t="s">
        <v>53</v>
      </c>
      <c r="Q92" s="3" t="s">
        <v>37</v>
      </c>
      <c r="R92" s="3" t="s">
        <v>38</v>
      </c>
      <c r="S92" s="3" t="s">
        <v>443</v>
      </c>
      <c r="T92" s="3" t="s">
        <v>37</v>
      </c>
      <c r="U92" s="3" t="s">
        <v>37</v>
      </c>
      <c r="V92" s="3" t="s">
        <v>37</v>
      </c>
    </row>
    <row r="93" spans="1:22" x14ac:dyDescent="0.25">
      <c r="A93" s="3" t="s">
        <v>22</v>
      </c>
      <c r="B93" s="4" t="s">
        <v>415</v>
      </c>
      <c r="C93" s="3" t="s">
        <v>416</v>
      </c>
      <c r="D93" s="5" t="s">
        <v>87</v>
      </c>
      <c r="E93" s="3" t="s">
        <v>444</v>
      </c>
      <c r="F93" s="3" t="s">
        <v>445</v>
      </c>
      <c r="G93" s="3" t="s">
        <v>281</v>
      </c>
      <c r="H93" s="3" t="s">
        <v>64</v>
      </c>
      <c r="I93" s="3" t="s">
        <v>446</v>
      </c>
      <c r="J93" s="3" t="s">
        <v>447</v>
      </c>
      <c r="K93" s="3" t="s">
        <v>32</v>
      </c>
      <c r="L93" s="3" t="s">
        <v>33</v>
      </c>
      <c r="M93" s="3" t="s">
        <v>34</v>
      </c>
      <c r="N93" s="3" t="s">
        <v>160</v>
      </c>
      <c r="O93" s="3" t="s">
        <v>36</v>
      </c>
      <c r="P93" s="3" t="s">
        <v>37</v>
      </c>
      <c r="Q93" s="3" t="s">
        <v>37</v>
      </c>
      <c r="R93" s="3" t="s">
        <v>38</v>
      </c>
      <c r="S93" s="3" t="s">
        <v>448</v>
      </c>
      <c r="T93" s="3" t="s">
        <v>37</v>
      </c>
      <c r="U93" s="3" t="s">
        <v>37</v>
      </c>
      <c r="V93" s="3" t="s">
        <v>37</v>
      </c>
    </row>
    <row r="94" spans="1:22" x14ac:dyDescent="0.25">
      <c r="A94" s="3" t="s">
        <v>22</v>
      </c>
      <c r="B94" s="4" t="s">
        <v>415</v>
      </c>
      <c r="C94" s="3" t="s">
        <v>416</v>
      </c>
      <c r="D94" s="5" t="s">
        <v>92</v>
      </c>
      <c r="E94" s="3" t="s">
        <v>444</v>
      </c>
      <c r="F94" s="3" t="s">
        <v>449</v>
      </c>
      <c r="G94" s="3" t="s">
        <v>315</v>
      </c>
      <c r="H94" s="3" t="s">
        <v>64</v>
      </c>
      <c r="I94" s="3" t="s">
        <v>446</v>
      </c>
      <c r="J94" s="3" t="s">
        <v>450</v>
      </c>
      <c r="K94" s="3" t="s">
        <v>32</v>
      </c>
      <c r="L94" s="3" t="s">
        <v>33</v>
      </c>
      <c r="M94" s="3" t="s">
        <v>34</v>
      </c>
      <c r="N94" s="3" t="s">
        <v>160</v>
      </c>
      <c r="O94" s="3" t="s">
        <v>36</v>
      </c>
      <c r="P94" s="3" t="s">
        <v>37</v>
      </c>
      <c r="Q94" s="3" t="s">
        <v>37</v>
      </c>
      <c r="R94" s="3" t="s">
        <v>38</v>
      </c>
      <c r="S94" s="3" t="s">
        <v>451</v>
      </c>
      <c r="T94" s="3" t="s">
        <v>37</v>
      </c>
      <c r="U94" s="3" t="s">
        <v>37</v>
      </c>
      <c r="V94" s="3" t="s">
        <v>37</v>
      </c>
    </row>
    <row r="95" spans="1:22" x14ac:dyDescent="0.25">
      <c r="A95" s="3" t="s">
        <v>22</v>
      </c>
      <c r="B95" s="4" t="s">
        <v>415</v>
      </c>
      <c r="C95" s="3" t="s">
        <v>416</v>
      </c>
      <c r="D95" s="5" t="s">
        <v>301</v>
      </c>
      <c r="E95" s="3" t="s">
        <v>452</v>
      </c>
      <c r="F95" s="3" t="s">
        <v>453</v>
      </c>
      <c r="G95" s="3" t="s">
        <v>153</v>
      </c>
      <c r="H95" s="3" t="s">
        <v>64</v>
      </c>
      <c r="I95" s="3" t="s">
        <v>454</v>
      </c>
      <c r="J95" s="3" t="s">
        <v>455</v>
      </c>
      <c r="K95" s="3" t="s">
        <v>32</v>
      </c>
      <c r="L95" s="3" t="s">
        <v>33</v>
      </c>
      <c r="M95" s="3" t="s">
        <v>66</v>
      </c>
      <c r="N95" s="3" t="s">
        <v>160</v>
      </c>
      <c r="O95" s="3" t="s">
        <v>127</v>
      </c>
      <c r="P95" s="3" t="s">
        <v>37</v>
      </c>
      <c r="Q95" s="3" t="s">
        <v>37</v>
      </c>
      <c r="R95" s="3" t="s">
        <v>38</v>
      </c>
      <c r="S95" s="3" t="s">
        <v>456</v>
      </c>
      <c r="T95" s="3" t="s">
        <v>37</v>
      </c>
      <c r="U95" s="3" t="s">
        <v>37</v>
      </c>
      <c r="V95" s="3" t="s">
        <v>37</v>
      </c>
    </row>
    <row r="96" spans="1:22" x14ac:dyDescent="0.25">
      <c r="A96" s="3" t="s">
        <v>22</v>
      </c>
      <c r="B96" s="4" t="s">
        <v>415</v>
      </c>
      <c r="C96" s="3" t="s">
        <v>416</v>
      </c>
      <c r="D96" s="5" t="s">
        <v>102</v>
      </c>
      <c r="E96" s="3" t="s">
        <v>452</v>
      </c>
      <c r="F96" s="3" t="s">
        <v>457</v>
      </c>
      <c r="G96" s="3" t="s">
        <v>281</v>
      </c>
      <c r="H96" s="3" t="s">
        <v>64</v>
      </c>
      <c r="I96" s="3" t="s">
        <v>454</v>
      </c>
      <c r="J96" s="3" t="s">
        <v>458</v>
      </c>
      <c r="K96" s="3" t="s">
        <v>32</v>
      </c>
      <c r="L96" s="3" t="s">
        <v>33</v>
      </c>
      <c r="M96" s="3" t="s">
        <v>66</v>
      </c>
      <c r="N96" s="3" t="s">
        <v>160</v>
      </c>
      <c r="O96" s="3" t="s">
        <v>127</v>
      </c>
      <c r="P96" s="3" t="s">
        <v>37</v>
      </c>
      <c r="Q96" s="3" t="s">
        <v>37</v>
      </c>
      <c r="R96" s="3" t="s">
        <v>38</v>
      </c>
      <c r="S96" s="3" t="s">
        <v>459</v>
      </c>
      <c r="T96" s="3" t="s">
        <v>37</v>
      </c>
      <c r="U96" s="3" t="s">
        <v>37</v>
      </c>
      <c r="V96" s="3" t="s">
        <v>37</v>
      </c>
    </row>
    <row r="97" spans="1:22" x14ac:dyDescent="0.25">
      <c r="A97" s="3" t="s">
        <v>22</v>
      </c>
      <c r="B97" s="4" t="s">
        <v>415</v>
      </c>
      <c r="C97" s="3" t="s">
        <v>416</v>
      </c>
      <c r="D97" s="5" t="s">
        <v>305</v>
      </c>
      <c r="E97" s="3" t="s">
        <v>452</v>
      </c>
      <c r="F97" s="3" t="s">
        <v>460</v>
      </c>
      <c r="G97" s="3" t="s">
        <v>63</v>
      </c>
      <c r="H97" s="3" t="s">
        <v>64</v>
      </c>
      <c r="I97" s="3" t="s">
        <v>454</v>
      </c>
      <c r="J97" s="3" t="s">
        <v>461</v>
      </c>
      <c r="K97" s="3" t="s">
        <v>32</v>
      </c>
      <c r="L97" s="3" t="s">
        <v>33</v>
      </c>
      <c r="M97" s="3" t="s">
        <v>66</v>
      </c>
      <c r="N97" s="3" t="s">
        <v>160</v>
      </c>
      <c r="O97" s="3" t="s">
        <v>127</v>
      </c>
      <c r="P97" s="3" t="s">
        <v>37</v>
      </c>
      <c r="Q97" s="3" t="s">
        <v>37</v>
      </c>
      <c r="R97" s="3" t="s">
        <v>38</v>
      </c>
      <c r="S97" s="3" t="s">
        <v>462</v>
      </c>
      <c r="T97" s="3" t="s">
        <v>37</v>
      </c>
      <c r="U97" s="3" t="s">
        <v>37</v>
      </c>
      <c r="V97" s="3" t="s">
        <v>37</v>
      </c>
    </row>
    <row r="98" spans="1:22" x14ac:dyDescent="0.25">
      <c r="A98" s="3" t="s">
        <v>22</v>
      </c>
      <c r="B98" s="4" t="s">
        <v>415</v>
      </c>
      <c r="C98" s="3" t="s">
        <v>416</v>
      </c>
      <c r="D98" s="5" t="s">
        <v>463</v>
      </c>
      <c r="E98" s="3" t="s">
        <v>46</v>
      </c>
      <c r="F98" s="3" t="s">
        <v>464</v>
      </c>
      <c r="G98" s="3" t="s">
        <v>465</v>
      </c>
      <c r="H98" s="3" t="s">
        <v>64</v>
      </c>
      <c r="I98" s="3" t="s">
        <v>49</v>
      </c>
      <c r="J98" s="3" t="s">
        <v>466</v>
      </c>
      <c r="K98" s="3" t="s">
        <v>32</v>
      </c>
      <c r="L98" s="3" t="s">
        <v>33</v>
      </c>
      <c r="M98" s="3" t="s">
        <v>34</v>
      </c>
      <c r="N98" s="3" t="s">
        <v>35</v>
      </c>
      <c r="O98" s="3" t="s">
        <v>52</v>
      </c>
      <c r="P98" s="3" t="s">
        <v>53</v>
      </c>
      <c r="Q98" s="3" t="s">
        <v>72</v>
      </c>
      <c r="R98" s="3" t="s">
        <v>38</v>
      </c>
      <c r="S98" s="3" t="s">
        <v>467</v>
      </c>
      <c r="T98" s="3" t="s">
        <v>37</v>
      </c>
      <c r="U98" s="3" t="s">
        <v>37</v>
      </c>
      <c r="V98" s="3" t="s">
        <v>37</v>
      </c>
    </row>
    <row r="99" spans="1:22" x14ac:dyDescent="0.25">
      <c r="A99" s="3" t="s">
        <v>22</v>
      </c>
      <c r="B99" s="4" t="s">
        <v>415</v>
      </c>
      <c r="C99" s="3" t="s">
        <v>416</v>
      </c>
      <c r="D99" s="5" t="s">
        <v>468</v>
      </c>
      <c r="E99" s="3" t="s">
        <v>46</v>
      </c>
      <c r="F99" s="3" t="s">
        <v>469</v>
      </c>
      <c r="G99" s="3" t="s">
        <v>293</v>
      </c>
      <c r="H99" s="3" t="s">
        <v>64</v>
      </c>
      <c r="I99" s="3" t="s">
        <v>49</v>
      </c>
      <c r="J99" s="3" t="s">
        <v>470</v>
      </c>
      <c r="K99" s="3" t="s">
        <v>32</v>
      </c>
      <c r="L99" s="3" t="s">
        <v>33</v>
      </c>
      <c r="M99" s="3" t="s">
        <v>34</v>
      </c>
      <c r="N99" s="3" t="s">
        <v>35</v>
      </c>
      <c r="O99" s="3" t="s">
        <v>52</v>
      </c>
      <c r="P99" s="3" t="s">
        <v>53</v>
      </c>
      <c r="Q99" s="3" t="s">
        <v>72</v>
      </c>
      <c r="R99" s="3" t="s">
        <v>38</v>
      </c>
      <c r="S99" s="3" t="s">
        <v>471</v>
      </c>
      <c r="T99" s="3" t="s">
        <v>37</v>
      </c>
      <c r="U99" s="3" t="s">
        <v>37</v>
      </c>
      <c r="V99" s="3" t="s">
        <v>37</v>
      </c>
    </row>
    <row r="100" spans="1:22" x14ac:dyDescent="0.25">
      <c r="A100" s="3" t="s">
        <v>22</v>
      </c>
      <c r="B100" s="4" t="s">
        <v>415</v>
      </c>
      <c r="C100" s="3" t="s">
        <v>416</v>
      </c>
      <c r="D100" s="5" t="s">
        <v>472</v>
      </c>
      <c r="E100" s="3" t="s">
        <v>473</v>
      </c>
      <c r="F100" s="3" t="s">
        <v>474</v>
      </c>
      <c r="G100" s="3" t="s">
        <v>475</v>
      </c>
      <c r="H100" s="3" t="s">
        <v>64</v>
      </c>
      <c r="I100" s="3" t="s">
        <v>476</v>
      </c>
      <c r="J100" s="3" t="s">
        <v>477</v>
      </c>
      <c r="K100" s="3" t="s">
        <v>32</v>
      </c>
      <c r="L100" s="3" t="s">
        <v>33</v>
      </c>
      <c r="M100" s="3" t="s">
        <v>34</v>
      </c>
      <c r="N100" s="3" t="s">
        <v>71</v>
      </c>
      <c r="O100" s="3" t="s">
        <v>127</v>
      </c>
      <c r="P100" s="3" t="s">
        <v>37</v>
      </c>
      <c r="Q100" s="3" t="s">
        <v>72</v>
      </c>
      <c r="R100" s="3" t="s">
        <v>38</v>
      </c>
      <c r="S100" s="3" t="s">
        <v>478</v>
      </c>
      <c r="T100" s="3" t="s">
        <v>37</v>
      </c>
      <c r="U100" s="3" t="s">
        <v>37</v>
      </c>
      <c r="V100" s="3" t="s">
        <v>37</v>
      </c>
    </row>
    <row r="101" spans="1:22" x14ac:dyDescent="0.25">
      <c r="A101" s="3" t="s">
        <v>22</v>
      </c>
      <c r="B101" s="4" t="s">
        <v>415</v>
      </c>
      <c r="C101" s="3" t="s">
        <v>416</v>
      </c>
      <c r="D101" s="5" t="s">
        <v>117</v>
      </c>
      <c r="E101" s="3" t="s">
        <v>473</v>
      </c>
      <c r="F101" s="3" t="s">
        <v>479</v>
      </c>
      <c r="G101" s="3" t="s">
        <v>480</v>
      </c>
      <c r="H101" s="3" t="s">
        <v>64</v>
      </c>
      <c r="I101" s="3" t="s">
        <v>476</v>
      </c>
      <c r="J101" s="3" t="s">
        <v>481</v>
      </c>
      <c r="K101" s="3" t="s">
        <v>32</v>
      </c>
      <c r="L101" s="3" t="s">
        <v>33</v>
      </c>
      <c r="M101" s="3" t="s">
        <v>34</v>
      </c>
      <c r="N101" s="3" t="s">
        <v>71</v>
      </c>
      <c r="O101" s="3" t="s">
        <v>127</v>
      </c>
      <c r="P101" s="3" t="s">
        <v>37</v>
      </c>
      <c r="Q101" s="3" t="s">
        <v>72</v>
      </c>
      <c r="R101" s="3" t="s">
        <v>38</v>
      </c>
      <c r="S101" s="3" t="s">
        <v>482</v>
      </c>
      <c r="T101" s="3" t="s">
        <v>37</v>
      </c>
      <c r="U101" s="3" t="s">
        <v>37</v>
      </c>
      <c r="V101" s="3" t="s">
        <v>37</v>
      </c>
    </row>
    <row r="102" spans="1:22" x14ac:dyDescent="0.25">
      <c r="A102" s="3" t="s">
        <v>22</v>
      </c>
      <c r="B102" s="4" t="s">
        <v>415</v>
      </c>
      <c r="C102" s="3" t="s">
        <v>416</v>
      </c>
      <c r="D102" s="5" t="s">
        <v>483</v>
      </c>
      <c r="E102" s="3" t="s">
        <v>473</v>
      </c>
      <c r="F102" s="3" t="s">
        <v>484</v>
      </c>
      <c r="G102" s="3" t="s">
        <v>28</v>
      </c>
      <c r="H102" s="3" t="s">
        <v>64</v>
      </c>
      <c r="I102" s="3" t="s">
        <v>476</v>
      </c>
      <c r="J102" s="3" t="s">
        <v>485</v>
      </c>
      <c r="K102" s="3" t="s">
        <v>32</v>
      </c>
      <c r="L102" s="3" t="s">
        <v>33</v>
      </c>
      <c r="M102" s="3" t="s">
        <v>34</v>
      </c>
      <c r="N102" s="3" t="s">
        <v>71</v>
      </c>
      <c r="O102" s="3" t="s">
        <v>127</v>
      </c>
      <c r="P102" s="3" t="s">
        <v>37</v>
      </c>
      <c r="Q102" s="3" t="s">
        <v>72</v>
      </c>
      <c r="R102" s="3" t="s">
        <v>38</v>
      </c>
      <c r="S102" s="3" t="s">
        <v>486</v>
      </c>
      <c r="T102" s="3" t="s">
        <v>37</v>
      </c>
      <c r="U102" s="3" t="s">
        <v>37</v>
      </c>
      <c r="V102" s="3" t="s">
        <v>37</v>
      </c>
    </row>
    <row r="103" spans="1:22" x14ac:dyDescent="0.25">
      <c r="A103" s="3" t="s">
        <v>22</v>
      </c>
      <c r="B103" s="4" t="s">
        <v>415</v>
      </c>
      <c r="C103" s="3" t="s">
        <v>416</v>
      </c>
      <c r="D103" s="5" t="s">
        <v>487</v>
      </c>
      <c r="E103" s="3" t="s">
        <v>473</v>
      </c>
      <c r="F103" s="3" t="s">
        <v>488</v>
      </c>
      <c r="G103" s="3" t="s">
        <v>42</v>
      </c>
      <c r="H103" s="3" t="s">
        <v>64</v>
      </c>
      <c r="I103" s="3" t="s">
        <v>476</v>
      </c>
      <c r="J103" s="3" t="s">
        <v>489</v>
      </c>
      <c r="K103" s="3" t="s">
        <v>32</v>
      </c>
      <c r="L103" s="3" t="s">
        <v>33</v>
      </c>
      <c r="M103" s="3" t="s">
        <v>34</v>
      </c>
      <c r="N103" s="3" t="s">
        <v>71</v>
      </c>
      <c r="O103" s="3" t="s">
        <v>127</v>
      </c>
      <c r="P103" s="3" t="s">
        <v>37</v>
      </c>
      <c r="Q103" s="3" t="s">
        <v>72</v>
      </c>
      <c r="R103" s="3" t="s">
        <v>38</v>
      </c>
      <c r="S103" s="3" t="s">
        <v>490</v>
      </c>
      <c r="T103" s="3" t="s">
        <v>37</v>
      </c>
      <c r="U103" s="3" t="s">
        <v>37</v>
      </c>
      <c r="V103" s="3" t="s">
        <v>37</v>
      </c>
    </row>
    <row r="104" spans="1:22" x14ac:dyDescent="0.25">
      <c r="A104" s="3" t="s">
        <v>22</v>
      </c>
      <c r="B104" s="4" t="s">
        <v>415</v>
      </c>
      <c r="C104" s="3" t="s">
        <v>416</v>
      </c>
      <c r="D104" s="5" t="s">
        <v>491</v>
      </c>
      <c r="E104" s="3" t="s">
        <v>46</v>
      </c>
      <c r="F104" s="3" t="s">
        <v>492</v>
      </c>
      <c r="G104" s="3" t="s">
        <v>408</v>
      </c>
      <c r="H104" s="3" t="s">
        <v>29</v>
      </c>
      <c r="I104" s="3" t="s">
        <v>49</v>
      </c>
      <c r="J104" s="3" t="s">
        <v>493</v>
      </c>
      <c r="K104" s="3" t="s">
        <v>32</v>
      </c>
      <c r="L104" s="3" t="s">
        <v>33</v>
      </c>
      <c r="M104" s="3" t="s">
        <v>34</v>
      </c>
      <c r="N104" s="3" t="s">
        <v>51</v>
      </c>
      <c r="O104" s="3" t="s">
        <v>52</v>
      </c>
      <c r="P104" s="3" t="s">
        <v>53</v>
      </c>
      <c r="Q104" s="3" t="s">
        <v>37</v>
      </c>
      <c r="R104" s="3" t="s">
        <v>38</v>
      </c>
      <c r="S104" s="3" t="s">
        <v>494</v>
      </c>
      <c r="T104" s="3" t="s">
        <v>37</v>
      </c>
      <c r="U104" s="3" t="s">
        <v>37</v>
      </c>
      <c r="V104" s="3" t="s">
        <v>37</v>
      </c>
    </row>
    <row r="105" spans="1:22" x14ac:dyDescent="0.25">
      <c r="A105" s="3" t="s">
        <v>22</v>
      </c>
      <c r="B105" s="4" t="s">
        <v>415</v>
      </c>
      <c r="C105" s="3" t="s">
        <v>416</v>
      </c>
      <c r="D105" s="5" t="s">
        <v>495</v>
      </c>
      <c r="E105" s="3" t="s">
        <v>46</v>
      </c>
      <c r="F105" s="3" t="s">
        <v>496</v>
      </c>
      <c r="G105" s="3" t="s">
        <v>497</v>
      </c>
      <c r="H105" s="3" t="s">
        <v>29</v>
      </c>
      <c r="I105" s="3" t="s">
        <v>49</v>
      </c>
      <c r="J105" s="3" t="s">
        <v>498</v>
      </c>
      <c r="K105" s="3" t="s">
        <v>32</v>
      </c>
      <c r="L105" s="3" t="s">
        <v>33</v>
      </c>
      <c r="M105" s="3" t="s">
        <v>34</v>
      </c>
      <c r="N105" s="3" t="s">
        <v>51</v>
      </c>
      <c r="O105" s="3" t="s">
        <v>52</v>
      </c>
      <c r="P105" s="3" t="s">
        <v>53</v>
      </c>
      <c r="Q105" s="3" t="s">
        <v>37</v>
      </c>
      <c r="R105" s="3" t="s">
        <v>38</v>
      </c>
      <c r="S105" s="3" t="s">
        <v>499</v>
      </c>
      <c r="T105" s="3" t="s">
        <v>37</v>
      </c>
      <c r="U105" s="3" t="s">
        <v>37</v>
      </c>
      <c r="V105" s="3" t="s">
        <v>37</v>
      </c>
    </row>
    <row r="106" spans="1:22" x14ac:dyDescent="0.25">
      <c r="A106" s="3" t="s">
        <v>22</v>
      </c>
      <c r="B106" s="4" t="s">
        <v>415</v>
      </c>
      <c r="C106" s="3" t="s">
        <v>416</v>
      </c>
      <c r="D106" s="5" t="s">
        <v>140</v>
      </c>
      <c r="E106" s="3" t="s">
        <v>155</v>
      </c>
      <c r="F106" s="3" t="s">
        <v>500</v>
      </c>
      <c r="G106" s="3" t="s">
        <v>42</v>
      </c>
      <c r="H106" s="3" t="s">
        <v>29</v>
      </c>
      <c r="I106" s="3" t="s">
        <v>37</v>
      </c>
      <c r="J106" s="3" t="s">
        <v>501</v>
      </c>
      <c r="K106" s="3" t="s">
        <v>32</v>
      </c>
      <c r="L106" s="3" t="s">
        <v>33</v>
      </c>
      <c r="M106" s="3" t="s">
        <v>34</v>
      </c>
      <c r="N106" s="3" t="s">
        <v>79</v>
      </c>
      <c r="O106" s="3" t="s">
        <v>52</v>
      </c>
      <c r="P106" s="3" t="s">
        <v>37</v>
      </c>
      <c r="Q106" s="3" t="s">
        <v>37</v>
      </c>
      <c r="R106" s="3" t="s">
        <v>38</v>
      </c>
      <c r="S106" s="3" t="s">
        <v>502</v>
      </c>
      <c r="T106" s="3" t="s">
        <v>37</v>
      </c>
      <c r="U106" s="3" t="s">
        <v>37</v>
      </c>
      <c r="V106" s="3" t="s">
        <v>37</v>
      </c>
    </row>
    <row r="107" spans="1:22" x14ac:dyDescent="0.25">
      <c r="A107" s="3" t="s">
        <v>22</v>
      </c>
      <c r="B107" s="4" t="s">
        <v>415</v>
      </c>
      <c r="C107" s="3" t="s">
        <v>416</v>
      </c>
      <c r="D107" s="5" t="s">
        <v>503</v>
      </c>
      <c r="E107" s="3" t="s">
        <v>155</v>
      </c>
      <c r="F107" s="3" t="s">
        <v>504</v>
      </c>
      <c r="G107" s="3" t="s">
        <v>505</v>
      </c>
      <c r="H107" s="3" t="s">
        <v>64</v>
      </c>
      <c r="I107" s="3" t="s">
        <v>158</v>
      </c>
      <c r="J107" s="3" t="s">
        <v>506</v>
      </c>
      <c r="K107" s="3" t="s">
        <v>32</v>
      </c>
      <c r="L107" s="3" t="s">
        <v>33</v>
      </c>
      <c r="M107" s="3" t="s">
        <v>34</v>
      </c>
      <c r="N107" s="3" t="s">
        <v>160</v>
      </c>
      <c r="O107" s="3" t="s">
        <v>161</v>
      </c>
      <c r="P107" s="3" t="s">
        <v>37</v>
      </c>
      <c r="Q107" s="3" t="s">
        <v>37</v>
      </c>
      <c r="R107" s="3" t="s">
        <v>38</v>
      </c>
      <c r="S107" s="3" t="s">
        <v>507</v>
      </c>
      <c r="T107" s="3" t="s">
        <v>37</v>
      </c>
      <c r="U107" s="3" t="s">
        <v>37</v>
      </c>
      <c r="V107" s="3" t="s">
        <v>37</v>
      </c>
    </row>
    <row r="108" spans="1:22" x14ac:dyDescent="0.25">
      <c r="A108" s="3" t="s">
        <v>22</v>
      </c>
      <c r="B108" s="4" t="s">
        <v>415</v>
      </c>
      <c r="C108" s="3" t="s">
        <v>416</v>
      </c>
      <c r="D108" s="5" t="s">
        <v>152</v>
      </c>
      <c r="E108" s="3" t="s">
        <v>508</v>
      </c>
      <c r="F108" s="3" t="s">
        <v>509</v>
      </c>
      <c r="G108" s="3" t="s">
        <v>510</v>
      </c>
      <c r="H108" s="3" t="s">
        <v>77</v>
      </c>
      <c r="I108" s="3" t="s">
        <v>511</v>
      </c>
      <c r="J108" s="3" t="s">
        <v>512</v>
      </c>
      <c r="K108" s="3" t="s">
        <v>32</v>
      </c>
      <c r="L108" s="3" t="s">
        <v>33</v>
      </c>
      <c r="M108" s="3" t="s">
        <v>66</v>
      </c>
      <c r="N108" s="3" t="s">
        <v>513</v>
      </c>
      <c r="O108" s="3" t="s">
        <v>52</v>
      </c>
      <c r="P108" s="3" t="s">
        <v>37</v>
      </c>
      <c r="Q108" s="3" t="s">
        <v>37</v>
      </c>
      <c r="R108" s="3" t="s">
        <v>38</v>
      </c>
      <c r="S108" s="3" t="s">
        <v>514</v>
      </c>
      <c r="T108" s="3" t="s">
        <v>37</v>
      </c>
      <c r="U108" s="3" t="s">
        <v>37</v>
      </c>
      <c r="V108" s="3" t="s">
        <v>37</v>
      </c>
    </row>
    <row r="109" spans="1:22" x14ac:dyDescent="0.25">
      <c r="A109" s="3" t="s">
        <v>22</v>
      </c>
      <c r="B109" s="4" t="s">
        <v>415</v>
      </c>
      <c r="C109" s="3" t="s">
        <v>416</v>
      </c>
      <c r="D109" s="5" t="s">
        <v>163</v>
      </c>
      <c r="E109" s="3" t="s">
        <v>508</v>
      </c>
      <c r="F109" s="3" t="s">
        <v>515</v>
      </c>
      <c r="G109" s="3" t="s">
        <v>516</v>
      </c>
      <c r="H109" s="3" t="s">
        <v>77</v>
      </c>
      <c r="I109" s="3" t="s">
        <v>517</v>
      </c>
      <c r="J109" s="3" t="s">
        <v>518</v>
      </c>
      <c r="K109" s="3" t="s">
        <v>32</v>
      </c>
      <c r="L109" s="3" t="s">
        <v>33</v>
      </c>
      <c r="M109" s="3" t="s">
        <v>66</v>
      </c>
      <c r="N109" s="3" t="s">
        <v>513</v>
      </c>
      <c r="O109" s="3" t="s">
        <v>52</v>
      </c>
      <c r="P109" s="3" t="s">
        <v>37</v>
      </c>
      <c r="Q109" s="3" t="s">
        <v>37</v>
      </c>
      <c r="R109" s="3" t="s">
        <v>38</v>
      </c>
      <c r="S109" s="3" t="s">
        <v>519</v>
      </c>
      <c r="T109" s="3" t="s">
        <v>37</v>
      </c>
      <c r="U109" s="3" t="s">
        <v>37</v>
      </c>
      <c r="V109" s="3" t="s">
        <v>37</v>
      </c>
    </row>
    <row r="110" spans="1:22" x14ac:dyDescent="0.25">
      <c r="A110" s="3" t="s">
        <v>22</v>
      </c>
      <c r="B110" s="4" t="s">
        <v>415</v>
      </c>
      <c r="C110" s="3" t="s">
        <v>416</v>
      </c>
      <c r="D110" s="5" t="s">
        <v>173</v>
      </c>
      <c r="E110" s="3" t="s">
        <v>46</v>
      </c>
      <c r="F110" s="3" t="s">
        <v>520</v>
      </c>
      <c r="G110" s="3" t="s">
        <v>288</v>
      </c>
      <c r="H110" s="3" t="s">
        <v>64</v>
      </c>
      <c r="I110" s="3" t="s">
        <v>49</v>
      </c>
      <c r="J110" s="3" t="s">
        <v>521</v>
      </c>
      <c r="K110" s="3" t="s">
        <v>32</v>
      </c>
      <c r="L110" s="3" t="s">
        <v>33</v>
      </c>
      <c r="M110" s="3" t="s">
        <v>34</v>
      </c>
      <c r="N110" s="3" t="s">
        <v>35</v>
      </c>
      <c r="O110" s="3" t="s">
        <v>52</v>
      </c>
      <c r="P110" s="3" t="s">
        <v>53</v>
      </c>
      <c r="Q110" s="3" t="s">
        <v>72</v>
      </c>
      <c r="R110" s="3" t="s">
        <v>38</v>
      </c>
      <c r="S110" s="3" t="s">
        <v>522</v>
      </c>
      <c r="T110" s="3" t="s">
        <v>37</v>
      </c>
      <c r="U110" s="3" t="s">
        <v>37</v>
      </c>
      <c r="V110" s="3" t="s">
        <v>37</v>
      </c>
    </row>
    <row r="111" spans="1:22" x14ac:dyDescent="0.25">
      <c r="A111" s="3" t="s">
        <v>22</v>
      </c>
      <c r="B111" s="4" t="s">
        <v>415</v>
      </c>
      <c r="C111" s="3" t="s">
        <v>416</v>
      </c>
      <c r="D111" s="5" t="s">
        <v>177</v>
      </c>
      <c r="E111" s="3" t="s">
        <v>46</v>
      </c>
      <c r="F111" s="3" t="s">
        <v>523</v>
      </c>
      <c r="G111" s="3" t="s">
        <v>283</v>
      </c>
      <c r="H111" s="3" t="s">
        <v>64</v>
      </c>
      <c r="I111" s="3" t="s">
        <v>49</v>
      </c>
      <c r="J111" s="3" t="s">
        <v>524</v>
      </c>
      <c r="K111" s="3" t="s">
        <v>32</v>
      </c>
      <c r="L111" s="3" t="s">
        <v>33</v>
      </c>
      <c r="M111" s="3" t="s">
        <v>34</v>
      </c>
      <c r="N111" s="3" t="s">
        <v>35</v>
      </c>
      <c r="O111" s="3" t="s">
        <v>52</v>
      </c>
      <c r="P111" s="3" t="s">
        <v>53</v>
      </c>
      <c r="Q111" s="3" t="s">
        <v>72</v>
      </c>
      <c r="R111" s="3" t="s">
        <v>38</v>
      </c>
      <c r="S111" s="3" t="s">
        <v>525</v>
      </c>
      <c r="T111" s="3" t="s">
        <v>37</v>
      </c>
      <c r="U111" s="3" t="s">
        <v>37</v>
      </c>
      <c r="V111" s="3" t="s">
        <v>37</v>
      </c>
    </row>
    <row r="112" spans="1:22" x14ac:dyDescent="0.25">
      <c r="A112" s="3" t="s">
        <v>22</v>
      </c>
      <c r="B112" s="4" t="s">
        <v>415</v>
      </c>
      <c r="C112" s="3" t="s">
        <v>416</v>
      </c>
      <c r="D112" s="5" t="s">
        <v>182</v>
      </c>
      <c r="E112" s="3" t="s">
        <v>526</v>
      </c>
      <c r="F112" s="3" t="s">
        <v>527</v>
      </c>
      <c r="G112" s="3" t="s">
        <v>315</v>
      </c>
      <c r="H112" s="3" t="s">
        <v>64</v>
      </c>
      <c r="I112" s="3" t="s">
        <v>454</v>
      </c>
      <c r="J112" s="3" t="s">
        <v>528</v>
      </c>
      <c r="K112" s="3" t="s">
        <v>32</v>
      </c>
      <c r="L112" s="3" t="s">
        <v>33</v>
      </c>
      <c r="M112" s="3" t="s">
        <v>66</v>
      </c>
      <c r="N112" s="3" t="s">
        <v>160</v>
      </c>
      <c r="O112" s="3" t="s">
        <v>52</v>
      </c>
      <c r="P112" s="3" t="s">
        <v>37</v>
      </c>
      <c r="Q112" s="3" t="s">
        <v>37</v>
      </c>
      <c r="R112" s="3" t="s">
        <v>38</v>
      </c>
      <c r="S112" s="3" t="s">
        <v>529</v>
      </c>
      <c r="T112" s="3" t="s">
        <v>37</v>
      </c>
      <c r="U112" s="3" t="s">
        <v>37</v>
      </c>
      <c r="V112" s="3" t="s">
        <v>37</v>
      </c>
    </row>
    <row r="113" spans="1:22" x14ac:dyDescent="0.25">
      <c r="A113" s="3" t="s">
        <v>22</v>
      </c>
      <c r="B113" s="4" t="s">
        <v>415</v>
      </c>
      <c r="C113" s="3" t="s">
        <v>416</v>
      </c>
      <c r="D113" s="5" t="s">
        <v>187</v>
      </c>
      <c r="E113" s="3" t="s">
        <v>526</v>
      </c>
      <c r="F113" s="3" t="s">
        <v>530</v>
      </c>
      <c r="G113" s="3" t="s">
        <v>42</v>
      </c>
      <c r="H113" s="3" t="s">
        <v>29</v>
      </c>
      <c r="I113" s="3" t="s">
        <v>37</v>
      </c>
      <c r="J113" s="3" t="s">
        <v>37</v>
      </c>
      <c r="K113" s="3" t="s">
        <v>32</v>
      </c>
      <c r="L113" s="3" t="s">
        <v>33</v>
      </c>
      <c r="M113" s="3" t="s">
        <v>401</v>
      </c>
      <c r="N113" s="3" t="s">
        <v>67</v>
      </c>
      <c r="O113" s="3" t="s">
        <v>52</v>
      </c>
      <c r="P113" s="3" t="s">
        <v>37</v>
      </c>
      <c r="Q113" s="3" t="s">
        <v>37</v>
      </c>
      <c r="R113" s="3" t="s">
        <v>38</v>
      </c>
      <c r="S113" s="3" t="s">
        <v>531</v>
      </c>
      <c r="T113" s="3" t="s">
        <v>37</v>
      </c>
      <c r="U113" s="3" t="s">
        <v>37</v>
      </c>
      <c r="V113" s="3" t="s">
        <v>37</v>
      </c>
    </row>
    <row r="114" spans="1:22" x14ac:dyDescent="0.25">
      <c r="A114" s="3" t="s">
        <v>22</v>
      </c>
      <c r="B114" s="4" t="s">
        <v>415</v>
      </c>
      <c r="C114" s="3" t="s">
        <v>416</v>
      </c>
      <c r="D114" s="5" t="s">
        <v>192</v>
      </c>
      <c r="E114" s="3" t="s">
        <v>46</v>
      </c>
      <c r="F114" s="3" t="s">
        <v>302</v>
      </c>
      <c r="G114" s="3" t="s">
        <v>64</v>
      </c>
      <c r="H114" s="3" t="s">
        <v>64</v>
      </c>
      <c r="I114" s="3" t="s">
        <v>49</v>
      </c>
      <c r="J114" s="3" t="s">
        <v>303</v>
      </c>
      <c r="K114" s="3" t="s">
        <v>32</v>
      </c>
      <c r="L114" s="3" t="s">
        <v>33</v>
      </c>
      <c r="M114" s="3" t="s">
        <v>34</v>
      </c>
      <c r="N114" s="3" t="s">
        <v>35</v>
      </c>
      <c r="O114" s="3" t="s">
        <v>52</v>
      </c>
      <c r="P114" s="3" t="s">
        <v>53</v>
      </c>
      <c r="Q114" s="3" t="s">
        <v>72</v>
      </c>
      <c r="R114" s="3" t="s">
        <v>38</v>
      </c>
      <c r="S114" s="3" t="s">
        <v>304</v>
      </c>
      <c r="T114" s="3" t="s">
        <v>37</v>
      </c>
      <c r="U114" s="3" t="s">
        <v>37</v>
      </c>
      <c r="V114" s="3" t="s">
        <v>37</v>
      </c>
    </row>
    <row r="115" spans="1:22" x14ac:dyDescent="0.25">
      <c r="A115" s="3" t="s">
        <v>22</v>
      </c>
      <c r="B115" s="4" t="s">
        <v>415</v>
      </c>
      <c r="C115" s="3" t="s">
        <v>416</v>
      </c>
      <c r="D115" s="5" t="s">
        <v>198</v>
      </c>
      <c r="E115" s="3" t="s">
        <v>46</v>
      </c>
      <c r="F115" s="3" t="s">
        <v>532</v>
      </c>
      <c r="G115" s="3" t="s">
        <v>29</v>
      </c>
      <c r="H115" s="3" t="s">
        <v>64</v>
      </c>
      <c r="I115" s="3" t="s">
        <v>533</v>
      </c>
      <c r="J115" s="3" t="s">
        <v>534</v>
      </c>
      <c r="K115" s="3" t="s">
        <v>32</v>
      </c>
      <c r="L115" s="3" t="s">
        <v>33</v>
      </c>
      <c r="M115" s="3" t="s">
        <v>34</v>
      </c>
      <c r="N115" s="3" t="s">
        <v>35</v>
      </c>
      <c r="O115" s="3" t="s">
        <v>52</v>
      </c>
      <c r="P115" s="3" t="s">
        <v>53</v>
      </c>
      <c r="Q115" s="3" t="s">
        <v>72</v>
      </c>
      <c r="R115" s="3" t="s">
        <v>38</v>
      </c>
      <c r="S115" s="3" t="s">
        <v>535</v>
      </c>
      <c r="T115" s="3" t="s">
        <v>37</v>
      </c>
      <c r="U115" s="3" t="s">
        <v>37</v>
      </c>
      <c r="V115" s="3" t="s">
        <v>37</v>
      </c>
    </row>
    <row r="116" spans="1:22" x14ac:dyDescent="0.25">
      <c r="A116" s="3" t="s">
        <v>22</v>
      </c>
      <c r="B116" s="4" t="s">
        <v>415</v>
      </c>
      <c r="C116" s="3" t="s">
        <v>416</v>
      </c>
      <c r="D116" s="5" t="s">
        <v>203</v>
      </c>
      <c r="E116" s="3" t="s">
        <v>46</v>
      </c>
      <c r="F116" s="3" t="s">
        <v>367</v>
      </c>
      <c r="G116" s="3" t="s">
        <v>77</v>
      </c>
      <c r="H116" s="3" t="s">
        <v>64</v>
      </c>
      <c r="I116" s="3" t="s">
        <v>49</v>
      </c>
      <c r="J116" s="3" t="s">
        <v>368</v>
      </c>
      <c r="K116" s="3" t="s">
        <v>32</v>
      </c>
      <c r="L116" s="3" t="s">
        <v>33</v>
      </c>
      <c r="M116" s="3" t="s">
        <v>34</v>
      </c>
      <c r="N116" s="3" t="s">
        <v>35</v>
      </c>
      <c r="O116" s="3" t="s">
        <v>52</v>
      </c>
      <c r="P116" s="3" t="s">
        <v>53</v>
      </c>
      <c r="Q116" s="3" t="s">
        <v>72</v>
      </c>
      <c r="R116" s="3" t="s">
        <v>38</v>
      </c>
      <c r="S116" s="3" t="s">
        <v>369</v>
      </c>
      <c r="T116" s="3" t="s">
        <v>37</v>
      </c>
      <c r="U116" s="3" t="s">
        <v>37</v>
      </c>
      <c r="V116" s="3" t="s">
        <v>37</v>
      </c>
    </row>
    <row r="117" spans="1:22" x14ac:dyDescent="0.25">
      <c r="A117" s="3" t="s">
        <v>22</v>
      </c>
      <c r="B117" s="4" t="s">
        <v>415</v>
      </c>
      <c r="C117" s="3" t="s">
        <v>416</v>
      </c>
      <c r="D117" s="5" t="s">
        <v>207</v>
      </c>
      <c r="E117" s="3" t="s">
        <v>74</v>
      </c>
      <c r="F117" s="3" t="s">
        <v>292</v>
      </c>
      <c r="G117" s="3" t="s">
        <v>293</v>
      </c>
      <c r="H117" s="3" t="s">
        <v>64</v>
      </c>
      <c r="I117" s="3" t="s">
        <v>284</v>
      </c>
      <c r="J117" s="3" t="s">
        <v>294</v>
      </c>
      <c r="K117" s="3" t="s">
        <v>32</v>
      </c>
      <c r="L117" s="3" t="s">
        <v>33</v>
      </c>
      <c r="M117" s="3" t="s">
        <v>66</v>
      </c>
      <c r="N117" s="3" t="s">
        <v>51</v>
      </c>
      <c r="O117" s="3" t="s">
        <v>52</v>
      </c>
      <c r="P117" s="3" t="s">
        <v>37</v>
      </c>
      <c r="Q117" s="3" t="s">
        <v>37</v>
      </c>
      <c r="R117" s="3" t="s">
        <v>38</v>
      </c>
      <c r="S117" s="3" t="s">
        <v>295</v>
      </c>
      <c r="T117" s="3" t="s">
        <v>37</v>
      </c>
      <c r="U117" s="3" t="s">
        <v>37</v>
      </c>
      <c r="V117" s="3" t="s">
        <v>37</v>
      </c>
    </row>
    <row r="118" spans="1:22" x14ac:dyDescent="0.25">
      <c r="A118" s="3" t="s">
        <v>22</v>
      </c>
      <c r="B118" s="4" t="s">
        <v>415</v>
      </c>
      <c r="C118" s="3" t="s">
        <v>416</v>
      </c>
      <c r="D118" s="5" t="s">
        <v>370</v>
      </c>
      <c r="E118" s="3" t="s">
        <v>74</v>
      </c>
      <c r="F118" s="3" t="s">
        <v>536</v>
      </c>
      <c r="G118" s="3" t="s">
        <v>104</v>
      </c>
      <c r="H118" s="3" t="s">
        <v>64</v>
      </c>
      <c r="I118" s="3" t="s">
        <v>284</v>
      </c>
      <c r="J118" s="3" t="s">
        <v>537</v>
      </c>
      <c r="K118" s="3" t="s">
        <v>32</v>
      </c>
      <c r="L118" s="3" t="s">
        <v>33</v>
      </c>
      <c r="M118" s="3" t="s">
        <v>66</v>
      </c>
      <c r="N118" s="3" t="s">
        <v>51</v>
      </c>
      <c r="O118" s="3" t="s">
        <v>52</v>
      </c>
      <c r="P118" s="3" t="s">
        <v>37</v>
      </c>
      <c r="Q118" s="3" t="s">
        <v>37</v>
      </c>
      <c r="R118" s="3" t="s">
        <v>38</v>
      </c>
      <c r="S118" s="3" t="s">
        <v>538</v>
      </c>
      <c r="T118" s="3" t="s">
        <v>37</v>
      </c>
      <c r="U118" s="3" t="s">
        <v>37</v>
      </c>
      <c r="V118" s="3" t="s">
        <v>37</v>
      </c>
    </row>
    <row r="119" spans="1:22" x14ac:dyDescent="0.25">
      <c r="A119" s="3" t="s">
        <v>22</v>
      </c>
      <c r="B119" s="4" t="s">
        <v>415</v>
      </c>
      <c r="C119" s="3" t="s">
        <v>416</v>
      </c>
      <c r="D119" s="5" t="s">
        <v>539</v>
      </c>
      <c r="E119" s="3" t="s">
        <v>540</v>
      </c>
      <c r="F119" s="3" t="s">
        <v>541</v>
      </c>
      <c r="G119" s="3" t="s">
        <v>228</v>
      </c>
      <c r="H119" s="3" t="s">
        <v>64</v>
      </c>
      <c r="I119" s="3" t="s">
        <v>542</v>
      </c>
      <c r="J119" s="3" t="s">
        <v>543</v>
      </c>
      <c r="K119" s="3" t="s">
        <v>32</v>
      </c>
      <c r="L119" s="3" t="s">
        <v>544</v>
      </c>
      <c r="M119" s="3" t="s">
        <v>34</v>
      </c>
      <c r="N119" s="3" t="s">
        <v>35</v>
      </c>
      <c r="O119" s="3" t="s">
        <v>80</v>
      </c>
      <c r="P119" s="3" t="s">
        <v>37</v>
      </c>
      <c r="Q119" s="3" t="s">
        <v>37</v>
      </c>
      <c r="R119" s="3" t="s">
        <v>38</v>
      </c>
      <c r="S119" s="3" t="s">
        <v>545</v>
      </c>
      <c r="T119" s="3" t="s">
        <v>37</v>
      </c>
      <c r="U119" s="3" t="s">
        <v>37</v>
      </c>
      <c r="V119" s="3" t="s">
        <v>37</v>
      </c>
    </row>
    <row r="120" spans="1:22" x14ac:dyDescent="0.25">
      <c r="A120" s="3" t="s">
        <v>22</v>
      </c>
      <c r="B120" s="4" t="s">
        <v>415</v>
      </c>
      <c r="C120" s="3" t="s">
        <v>416</v>
      </c>
      <c r="D120" s="5" t="s">
        <v>546</v>
      </c>
      <c r="E120" s="3" t="s">
        <v>540</v>
      </c>
      <c r="F120" s="3" t="s">
        <v>547</v>
      </c>
      <c r="G120" s="3" t="s">
        <v>104</v>
      </c>
      <c r="H120" s="3" t="s">
        <v>64</v>
      </c>
      <c r="I120" s="3" t="s">
        <v>542</v>
      </c>
      <c r="J120" s="3" t="s">
        <v>548</v>
      </c>
      <c r="K120" s="3" t="s">
        <v>32</v>
      </c>
      <c r="L120" s="3" t="s">
        <v>544</v>
      </c>
      <c r="M120" s="3" t="s">
        <v>34</v>
      </c>
      <c r="N120" s="3" t="s">
        <v>35</v>
      </c>
      <c r="O120" s="3" t="s">
        <v>80</v>
      </c>
      <c r="P120" s="3" t="s">
        <v>37</v>
      </c>
      <c r="Q120" s="3" t="s">
        <v>37</v>
      </c>
      <c r="R120" s="3" t="s">
        <v>38</v>
      </c>
      <c r="S120" s="3" t="s">
        <v>549</v>
      </c>
      <c r="T120" s="3" t="s">
        <v>37</v>
      </c>
      <c r="U120" s="3" t="s">
        <v>37</v>
      </c>
      <c r="V120" s="3" t="s">
        <v>37</v>
      </c>
    </row>
    <row r="121" spans="1:22" x14ac:dyDescent="0.25">
      <c r="A121" s="3" t="s">
        <v>22</v>
      </c>
      <c r="B121" s="4" t="s">
        <v>415</v>
      </c>
      <c r="C121" s="3" t="s">
        <v>416</v>
      </c>
      <c r="D121" s="5" t="s">
        <v>216</v>
      </c>
      <c r="E121" s="3" t="s">
        <v>550</v>
      </c>
      <c r="F121" s="3" t="s">
        <v>551</v>
      </c>
      <c r="G121" s="3" t="s">
        <v>552</v>
      </c>
      <c r="H121" s="3" t="s">
        <v>278</v>
      </c>
      <c r="I121" s="3" t="s">
        <v>37</v>
      </c>
      <c r="J121" s="3" t="s">
        <v>553</v>
      </c>
      <c r="K121" s="3" t="s">
        <v>32</v>
      </c>
      <c r="L121" s="3" t="s">
        <v>115</v>
      </c>
      <c r="M121" s="3" t="s">
        <v>66</v>
      </c>
      <c r="N121" s="3" t="s">
        <v>67</v>
      </c>
      <c r="O121" s="3" t="s">
        <v>80</v>
      </c>
      <c r="P121" s="3" t="s">
        <v>53</v>
      </c>
      <c r="Q121" s="3" t="s">
        <v>37</v>
      </c>
      <c r="R121" s="3" t="s">
        <v>38</v>
      </c>
      <c r="S121" s="3" t="s">
        <v>554</v>
      </c>
      <c r="T121" s="3" t="s">
        <v>37</v>
      </c>
      <c r="U121" s="3" t="s">
        <v>37</v>
      </c>
      <c r="V121" s="3" t="s">
        <v>37</v>
      </c>
    </row>
    <row r="122" spans="1:22" x14ac:dyDescent="0.25">
      <c r="A122" s="3" t="s">
        <v>22</v>
      </c>
      <c r="B122" s="4" t="s">
        <v>415</v>
      </c>
      <c r="C122" s="3" t="s">
        <v>416</v>
      </c>
      <c r="D122" s="5" t="s">
        <v>220</v>
      </c>
      <c r="E122" s="3" t="s">
        <v>550</v>
      </c>
      <c r="F122" s="3" t="s">
        <v>555</v>
      </c>
      <c r="G122" s="3" t="s">
        <v>556</v>
      </c>
      <c r="H122" s="3" t="s">
        <v>278</v>
      </c>
      <c r="I122" s="3" t="s">
        <v>37</v>
      </c>
      <c r="J122" s="3" t="s">
        <v>557</v>
      </c>
      <c r="K122" s="3" t="s">
        <v>32</v>
      </c>
      <c r="L122" s="3" t="s">
        <v>115</v>
      </c>
      <c r="M122" s="3" t="s">
        <v>66</v>
      </c>
      <c r="N122" s="3" t="s">
        <v>67</v>
      </c>
      <c r="O122" s="3" t="s">
        <v>80</v>
      </c>
      <c r="P122" s="3" t="s">
        <v>53</v>
      </c>
      <c r="Q122" s="3" t="s">
        <v>37</v>
      </c>
      <c r="R122" s="3" t="s">
        <v>38</v>
      </c>
      <c r="S122" s="3" t="s">
        <v>558</v>
      </c>
      <c r="T122" s="3" t="s">
        <v>37</v>
      </c>
      <c r="U122" s="3" t="s">
        <v>37</v>
      </c>
      <c r="V122" s="3" t="s">
        <v>37</v>
      </c>
    </row>
    <row r="123" spans="1:22" x14ac:dyDescent="0.25">
      <c r="A123" s="3" t="s">
        <v>22</v>
      </c>
      <c r="B123" s="4" t="s">
        <v>415</v>
      </c>
      <c r="C123" s="3" t="s">
        <v>416</v>
      </c>
      <c r="D123" s="5" t="s">
        <v>225</v>
      </c>
      <c r="E123" s="3" t="s">
        <v>193</v>
      </c>
      <c r="F123" s="3" t="s">
        <v>559</v>
      </c>
      <c r="G123" s="3" t="s">
        <v>94</v>
      </c>
      <c r="H123" s="3" t="s">
        <v>64</v>
      </c>
      <c r="I123" s="3" t="s">
        <v>37</v>
      </c>
      <c r="J123" s="3" t="s">
        <v>560</v>
      </c>
      <c r="K123" s="3" t="s">
        <v>32</v>
      </c>
      <c r="L123" s="3" t="s">
        <v>115</v>
      </c>
      <c r="M123" s="3" t="s">
        <v>66</v>
      </c>
      <c r="N123" s="3" t="s">
        <v>67</v>
      </c>
      <c r="O123" s="3" t="s">
        <v>52</v>
      </c>
      <c r="P123" s="3" t="s">
        <v>53</v>
      </c>
      <c r="Q123" s="3" t="s">
        <v>37</v>
      </c>
      <c r="R123" s="3" t="s">
        <v>38</v>
      </c>
      <c r="S123" s="3" t="s">
        <v>561</v>
      </c>
      <c r="T123" s="3" t="s">
        <v>37</v>
      </c>
      <c r="U123" s="3" t="s">
        <v>37</v>
      </c>
      <c r="V123" s="3" t="s">
        <v>37</v>
      </c>
    </row>
    <row r="124" spans="1:22" x14ac:dyDescent="0.25">
      <c r="A124" s="3" t="s">
        <v>22</v>
      </c>
      <c r="B124" s="4" t="s">
        <v>415</v>
      </c>
      <c r="C124" s="3" t="s">
        <v>416</v>
      </c>
      <c r="D124" s="5" t="s">
        <v>231</v>
      </c>
      <c r="E124" s="3" t="s">
        <v>193</v>
      </c>
      <c r="F124" s="3" t="s">
        <v>562</v>
      </c>
      <c r="G124" s="3" t="s">
        <v>99</v>
      </c>
      <c r="H124" s="3" t="s">
        <v>64</v>
      </c>
      <c r="I124" s="3" t="s">
        <v>37</v>
      </c>
      <c r="J124" s="3" t="s">
        <v>563</v>
      </c>
      <c r="K124" s="3" t="s">
        <v>32</v>
      </c>
      <c r="L124" s="3" t="s">
        <v>115</v>
      </c>
      <c r="M124" s="3" t="s">
        <v>66</v>
      </c>
      <c r="N124" s="3" t="s">
        <v>67</v>
      </c>
      <c r="O124" s="3" t="s">
        <v>36</v>
      </c>
      <c r="P124" s="3" t="s">
        <v>53</v>
      </c>
      <c r="Q124" s="3" t="s">
        <v>37</v>
      </c>
      <c r="R124" s="3" t="s">
        <v>38</v>
      </c>
      <c r="S124" s="3" t="s">
        <v>564</v>
      </c>
      <c r="T124" s="3" t="s">
        <v>37</v>
      </c>
      <c r="U124" s="3" t="s">
        <v>37</v>
      </c>
      <c r="V124" s="3" t="s">
        <v>37</v>
      </c>
    </row>
    <row r="125" spans="1:22" x14ac:dyDescent="0.25">
      <c r="A125" s="3" t="s">
        <v>22</v>
      </c>
      <c r="B125" s="4" t="s">
        <v>415</v>
      </c>
      <c r="C125" s="3" t="s">
        <v>416</v>
      </c>
      <c r="D125" s="5" t="s">
        <v>236</v>
      </c>
      <c r="E125" s="3" t="s">
        <v>565</v>
      </c>
      <c r="F125" s="3" t="s">
        <v>566</v>
      </c>
      <c r="G125" s="3" t="s">
        <v>567</v>
      </c>
      <c r="H125" s="3" t="s">
        <v>64</v>
      </c>
      <c r="I125" s="3" t="s">
        <v>568</v>
      </c>
      <c r="J125" s="3" t="s">
        <v>569</v>
      </c>
      <c r="K125" s="3" t="s">
        <v>32</v>
      </c>
      <c r="L125" s="3" t="s">
        <v>115</v>
      </c>
      <c r="M125" s="3" t="s">
        <v>570</v>
      </c>
      <c r="N125" s="3" t="s">
        <v>571</v>
      </c>
      <c r="O125" s="3" t="s">
        <v>572</v>
      </c>
      <c r="P125" s="3" t="s">
        <v>53</v>
      </c>
      <c r="Q125" s="3" t="s">
        <v>72</v>
      </c>
      <c r="R125" s="3" t="s">
        <v>38</v>
      </c>
      <c r="S125" s="3" t="s">
        <v>573</v>
      </c>
      <c r="T125" s="3" t="s">
        <v>37</v>
      </c>
      <c r="U125" s="3" t="s">
        <v>37</v>
      </c>
      <c r="V125" s="3" t="s">
        <v>37</v>
      </c>
    </row>
    <row r="126" spans="1:22" x14ac:dyDescent="0.25">
      <c r="A126" s="3"/>
      <c r="B126" s="4"/>
      <c r="C126" s="3"/>
      <c r="D126" s="5"/>
      <c r="E126" s="6" t="s">
        <v>246</v>
      </c>
      <c r="F126" s="3"/>
      <c r="G126" s="3"/>
      <c r="H126" s="3"/>
      <c r="I126" s="3"/>
      <c r="J126" s="3"/>
      <c r="K126" s="3"/>
      <c r="L126" s="3"/>
      <c r="M126" s="3"/>
      <c r="N126" s="3"/>
      <c r="O126" s="3"/>
      <c r="P126" s="3"/>
      <c r="Q126" s="3"/>
      <c r="R126" s="3"/>
      <c r="S126" s="3"/>
      <c r="T126" s="3"/>
      <c r="U126" s="3"/>
      <c r="V126" s="3"/>
    </row>
    <row r="127" spans="1:22" x14ac:dyDescent="0.25">
      <c r="A127" s="3"/>
      <c r="B127" s="4"/>
      <c r="C127" s="3"/>
      <c r="D127" s="5"/>
      <c r="E127" s="3"/>
      <c r="F127" s="3"/>
      <c r="G127" s="3"/>
      <c r="H127" s="3"/>
      <c r="I127" s="3"/>
      <c r="J127" s="3"/>
      <c r="K127" s="3"/>
      <c r="L127" s="3"/>
      <c r="M127" s="3"/>
      <c r="N127" s="3"/>
      <c r="O127" s="3"/>
      <c r="P127" s="3"/>
      <c r="Q127" s="3"/>
      <c r="R127" s="3"/>
      <c r="S127" s="3"/>
      <c r="T127" s="3"/>
      <c r="U127" s="3"/>
      <c r="V127" s="3"/>
    </row>
    <row r="128" spans="1:22" x14ac:dyDescent="0.25">
      <c r="A128" s="3" t="s">
        <v>22</v>
      </c>
      <c r="B128" s="4" t="s">
        <v>574</v>
      </c>
      <c r="C128" s="3" t="s">
        <v>575</v>
      </c>
      <c r="D128" s="5" t="s">
        <v>25</v>
      </c>
      <c r="E128" s="3" t="s">
        <v>417</v>
      </c>
      <c r="F128" s="3" t="s">
        <v>576</v>
      </c>
      <c r="G128" s="3" t="s">
        <v>157</v>
      </c>
      <c r="H128" s="3" t="s">
        <v>29</v>
      </c>
      <c r="I128" s="3" t="s">
        <v>37</v>
      </c>
      <c r="J128" s="3" t="s">
        <v>577</v>
      </c>
      <c r="K128" s="3" t="s">
        <v>32</v>
      </c>
      <c r="L128" s="3" t="s">
        <v>33</v>
      </c>
      <c r="M128" s="3" t="s">
        <v>66</v>
      </c>
      <c r="N128" s="3" t="s">
        <v>79</v>
      </c>
      <c r="O128" s="3" t="s">
        <v>52</v>
      </c>
      <c r="P128" s="3" t="s">
        <v>37</v>
      </c>
      <c r="Q128" s="3" t="s">
        <v>37</v>
      </c>
      <c r="R128" s="3" t="s">
        <v>38</v>
      </c>
      <c r="S128" s="3" t="s">
        <v>578</v>
      </c>
      <c r="T128" s="3" t="s">
        <v>37</v>
      </c>
      <c r="U128" s="3" t="s">
        <v>37</v>
      </c>
      <c r="V128" s="3" t="s">
        <v>37</v>
      </c>
    </row>
    <row r="129" spans="1:22" x14ac:dyDescent="0.25">
      <c r="A129" s="3" t="s">
        <v>22</v>
      </c>
      <c r="B129" s="4" t="s">
        <v>574</v>
      </c>
      <c r="C129" s="3" t="s">
        <v>575</v>
      </c>
      <c r="D129" s="5" t="s">
        <v>40</v>
      </c>
      <c r="E129" s="3" t="s">
        <v>417</v>
      </c>
      <c r="F129" s="3" t="s">
        <v>579</v>
      </c>
      <c r="G129" s="3" t="s">
        <v>165</v>
      </c>
      <c r="H129" s="3" t="s">
        <v>29</v>
      </c>
      <c r="I129" s="3" t="s">
        <v>37</v>
      </c>
      <c r="J129" s="3" t="s">
        <v>580</v>
      </c>
      <c r="K129" s="3" t="s">
        <v>32</v>
      </c>
      <c r="L129" s="3" t="s">
        <v>33</v>
      </c>
      <c r="M129" s="3" t="s">
        <v>66</v>
      </c>
      <c r="N129" s="3" t="s">
        <v>79</v>
      </c>
      <c r="O129" s="3" t="s">
        <v>52</v>
      </c>
      <c r="P129" s="3" t="s">
        <v>37</v>
      </c>
      <c r="Q129" s="3" t="s">
        <v>37</v>
      </c>
      <c r="R129" s="3" t="s">
        <v>38</v>
      </c>
      <c r="S129" s="3" t="s">
        <v>581</v>
      </c>
      <c r="T129" s="3" t="s">
        <v>37</v>
      </c>
      <c r="U129" s="3" t="s">
        <v>37</v>
      </c>
      <c r="V129" s="3" t="s">
        <v>37</v>
      </c>
    </row>
    <row r="130" spans="1:22" x14ac:dyDescent="0.25">
      <c r="A130" s="3" t="s">
        <v>22</v>
      </c>
      <c r="B130" s="4" t="s">
        <v>574</v>
      </c>
      <c r="C130" s="3" t="s">
        <v>575</v>
      </c>
      <c r="D130" s="5" t="s">
        <v>45</v>
      </c>
      <c r="E130" s="3" t="s">
        <v>46</v>
      </c>
      <c r="F130" s="3" t="s">
        <v>582</v>
      </c>
      <c r="G130" s="3" t="s">
        <v>148</v>
      </c>
      <c r="H130" s="3" t="s">
        <v>77</v>
      </c>
      <c r="I130" s="3" t="s">
        <v>49</v>
      </c>
      <c r="J130" s="3" t="s">
        <v>583</v>
      </c>
      <c r="K130" s="3" t="s">
        <v>32</v>
      </c>
      <c r="L130" s="3" t="s">
        <v>33</v>
      </c>
      <c r="M130" s="3" t="s">
        <v>34</v>
      </c>
      <c r="N130" s="3" t="s">
        <v>67</v>
      </c>
      <c r="O130" s="3" t="s">
        <v>52</v>
      </c>
      <c r="P130" s="3" t="s">
        <v>53</v>
      </c>
      <c r="Q130" s="3" t="s">
        <v>37</v>
      </c>
      <c r="R130" s="3" t="s">
        <v>38</v>
      </c>
      <c r="S130" s="3" t="s">
        <v>584</v>
      </c>
      <c r="T130" s="3" t="s">
        <v>37</v>
      </c>
      <c r="U130" s="3" t="s">
        <v>37</v>
      </c>
      <c r="V130" s="3" t="s">
        <v>37</v>
      </c>
    </row>
    <row r="131" spans="1:22" x14ac:dyDescent="0.25">
      <c r="A131" s="3" t="s">
        <v>22</v>
      </c>
      <c r="B131" s="4" t="s">
        <v>574</v>
      </c>
      <c r="C131" s="3" t="s">
        <v>575</v>
      </c>
      <c r="D131" s="5" t="s">
        <v>55</v>
      </c>
      <c r="E131" s="3" t="s">
        <v>46</v>
      </c>
      <c r="F131" s="3" t="s">
        <v>585</v>
      </c>
      <c r="G131" s="3" t="s">
        <v>143</v>
      </c>
      <c r="H131" s="3" t="s">
        <v>77</v>
      </c>
      <c r="I131" s="3" t="s">
        <v>49</v>
      </c>
      <c r="J131" s="3" t="s">
        <v>586</v>
      </c>
      <c r="K131" s="3" t="s">
        <v>32</v>
      </c>
      <c r="L131" s="3" t="s">
        <v>33</v>
      </c>
      <c r="M131" s="3" t="s">
        <v>34</v>
      </c>
      <c r="N131" s="3" t="s">
        <v>67</v>
      </c>
      <c r="O131" s="3" t="s">
        <v>52</v>
      </c>
      <c r="P131" s="3" t="s">
        <v>53</v>
      </c>
      <c r="Q131" s="3" t="s">
        <v>37</v>
      </c>
      <c r="R131" s="3" t="s">
        <v>38</v>
      </c>
      <c r="S131" s="3" t="s">
        <v>587</v>
      </c>
      <c r="T131" s="3" t="s">
        <v>37</v>
      </c>
      <c r="U131" s="3" t="s">
        <v>37</v>
      </c>
      <c r="V131" s="3" t="s">
        <v>37</v>
      </c>
    </row>
    <row r="132" spans="1:22" x14ac:dyDescent="0.25">
      <c r="A132" s="3" t="s">
        <v>22</v>
      </c>
      <c r="B132" s="4" t="s">
        <v>574</v>
      </c>
      <c r="C132" s="3" t="s">
        <v>575</v>
      </c>
      <c r="D132" s="5" t="s">
        <v>60</v>
      </c>
      <c r="E132" s="3" t="s">
        <v>74</v>
      </c>
      <c r="F132" s="3" t="s">
        <v>588</v>
      </c>
      <c r="G132" s="3" t="s">
        <v>137</v>
      </c>
      <c r="H132" s="3" t="s">
        <v>29</v>
      </c>
      <c r="I132" s="3" t="s">
        <v>434</v>
      </c>
      <c r="J132" s="3" t="s">
        <v>589</v>
      </c>
      <c r="K132" s="3" t="s">
        <v>32</v>
      </c>
      <c r="L132" s="3" t="s">
        <v>33</v>
      </c>
      <c r="M132" s="3" t="s">
        <v>66</v>
      </c>
      <c r="N132" s="3" t="s">
        <v>160</v>
      </c>
      <c r="O132" s="3" t="s">
        <v>52</v>
      </c>
      <c r="P132" s="3" t="s">
        <v>53</v>
      </c>
      <c r="Q132" s="3" t="s">
        <v>37</v>
      </c>
      <c r="R132" s="3" t="s">
        <v>38</v>
      </c>
      <c r="S132" s="3" t="s">
        <v>590</v>
      </c>
      <c r="T132" s="3" t="s">
        <v>37</v>
      </c>
      <c r="U132" s="3" t="s">
        <v>37</v>
      </c>
      <c r="V132" s="3" t="s">
        <v>37</v>
      </c>
    </row>
    <row r="133" spans="1:22" x14ac:dyDescent="0.25">
      <c r="A133" s="3" t="s">
        <v>22</v>
      </c>
      <c r="B133" s="4" t="s">
        <v>574</v>
      </c>
      <c r="C133" s="3" t="s">
        <v>575</v>
      </c>
      <c r="D133" s="5" t="s">
        <v>69</v>
      </c>
      <c r="E133" s="3" t="s">
        <v>74</v>
      </c>
      <c r="F133" s="3" t="s">
        <v>591</v>
      </c>
      <c r="G133" s="3" t="s">
        <v>265</v>
      </c>
      <c r="H133" s="3" t="s">
        <v>29</v>
      </c>
      <c r="I133" s="3" t="s">
        <v>434</v>
      </c>
      <c r="J133" s="3" t="s">
        <v>592</v>
      </c>
      <c r="K133" s="3" t="s">
        <v>32</v>
      </c>
      <c r="L133" s="3" t="s">
        <v>33</v>
      </c>
      <c r="M133" s="3" t="s">
        <v>66</v>
      </c>
      <c r="N133" s="3" t="s">
        <v>160</v>
      </c>
      <c r="O133" s="3" t="s">
        <v>52</v>
      </c>
      <c r="P133" s="3" t="s">
        <v>53</v>
      </c>
      <c r="Q133" s="3" t="s">
        <v>37</v>
      </c>
      <c r="R133" s="3" t="s">
        <v>38</v>
      </c>
      <c r="S133" s="3" t="s">
        <v>593</v>
      </c>
      <c r="T133" s="3" t="s">
        <v>37</v>
      </c>
      <c r="U133" s="3" t="s">
        <v>37</v>
      </c>
      <c r="V133" s="3" t="s">
        <v>37</v>
      </c>
    </row>
    <row r="134" spans="1:22" x14ac:dyDescent="0.25">
      <c r="A134" s="3" t="s">
        <v>22</v>
      </c>
      <c r="B134" s="4" t="s">
        <v>574</v>
      </c>
      <c r="C134" s="3" t="s">
        <v>575</v>
      </c>
      <c r="D134" s="5" t="s">
        <v>440</v>
      </c>
      <c r="E134" s="3" t="s">
        <v>74</v>
      </c>
      <c r="F134" s="3" t="s">
        <v>594</v>
      </c>
      <c r="G134" s="3" t="s">
        <v>408</v>
      </c>
      <c r="H134" s="3" t="s">
        <v>29</v>
      </c>
      <c r="I134" s="3" t="s">
        <v>434</v>
      </c>
      <c r="J134" s="3" t="s">
        <v>595</v>
      </c>
      <c r="K134" s="3" t="s">
        <v>32</v>
      </c>
      <c r="L134" s="3" t="s">
        <v>33</v>
      </c>
      <c r="M134" s="3" t="s">
        <v>66</v>
      </c>
      <c r="N134" s="3" t="s">
        <v>160</v>
      </c>
      <c r="O134" s="3" t="s">
        <v>52</v>
      </c>
      <c r="P134" s="3" t="s">
        <v>53</v>
      </c>
      <c r="Q134" s="3" t="s">
        <v>37</v>
      </c>
      <c r="R134" s="3" t="s">
        <v>38</v>
      </c>
      <c r="S134" s="3" t="s">
        <v>596</v>
      </c>
      <c r="T134" s="3" t="s">
        <v>37</v>
      </c>
      <c r="U134" s="3" t="s">
        <v>37</v>
      </c>
      <c r="V134" s="3" t="s">
        <v>37</v>
      </c>
    </row>
    <row r="135" spans="1:22" x14ac:dyDescent="0.25">
      <c r="A135" s="3" t="s">
        <v>22</v>
      </c>
      <c r="B135" s="4" t="s">
        <v>574</v>
      </c>
      <c r="C135" s="3" t="s">
        <v>575</v>
      </c>
      <c r="D135" s="5" t="s">
        <v>87</v>
      </c>
      <c r="E135" s="3" t="s">
        <v>444</v>
      </c>
      <c r="F135" s="3" t="s">
        <v>597</v>
      </c>
      <c r="G135" s="3" t="s">
        <v>283</v>
      </c>
      <c r="H135" s="3" t="s">
        <v>64</v>
      </c>
      <c r="I135" s="3" t="s">
        <v>598</v>
      </c>
      <c r="J135" s="3" t="s">
        <v>599</v>
      </c>
      <c r="K135" s="3" t="s">
        <v>32</v>
      </c>
      <c r="L135" s="3" t="s">
        <v>33</v>
      </c>
      <c r="M135" s="3" t="s">
        <v>34</v>
      </c>
      <c r="N135" s="3" t="s">
        <v>160</v>
      </c>
      <c r="O135" s="3" t="s">
        <v>36</v>
      </c>
      <c r="P135" s="3" t="s">
        <v>37</v>
      </c>
      <c r="Q135" s="3" t="s">
        <v>37</v>
      </c>
      <c r="R135" s="3" t="s">
        <v>38</v>
      </c>
      <c r="S135" s="3" t="s">
        <v>600</v>
      </c>
      <c r="T135" s="3" t="s">
        <v>37</v>
      </c>
      <c r="U135" s="3" t="s">
        <v>37</v>
      </c>
      <c r="V135" s="3" t="s">
        <v>37</v>
      </c>
    </row>
    <row r="136" spans="1:22" x14ac:dyDescent="0.25">
      <c r="A136" s="3" t="s">
        <v>22</v>
      </c>
      <c r="B136" s="4" t="s">
        <v>574</v>
      </c>
      <c r="C136" s="3" t="s">
        <v>575</v>
      </c>
      <c r="D136" s="5" t="s">
        <v>92</v>
      </c>
      <c r="E136" s="3" t="s">
        <v>444</v>
      </c>
      <c r="F136" s="3" t="s">
        <v>601</v>
      </c>
      <c r="G136" s="3" t="s">
        <v>465</v>
      </c>
      <c r="H136" s="3" t="s">
        <v>64</v>
      </c>
      <c r="I136" s="3" t="s">
        <v>598</v>
      </c>
      <c r="J136" s="3" t="s">
        <v>602</v>
      </c>
      <c r="K136" s="3" t="s">
        <v>32</v>
      </c>
      <c r="L136" s="3" t="s">
        <v>33</v>
      </c>
      <c r="M136" s="3" t="s">
        <v>34</v>
      </c>
      <c r="N136" s="3" t="s">
        <v>160</v>
      </c>
      <c r="O136" s="3" t="s">
        <v>36</v>
      </c>
      <c r="P136" s="3" t="s">
        <v>37</v>
      </c>
      <c r="Q136" s="3" t="s">
        <v>37</v>
      </c>
      <c r="R136" s="3" t="s">
        <v>38</v>
      </c>
      <c r="S136" s="3" t="s">
        <v>603</v>
      </c>
      <c r="T136" s="3" t="s">
        <v>37</v>
      </c>
      <c r="U136" s="3" t="s">
        <v>37</v>
      </c>
      <c r="V136" s="3" t="s">
        <v>37</v>
      </c>
    </row>
    <row r="137" spans="1:22" x14ac:dyDescent="0.25">
      <c r="A137" s="3" t="s">
        <v>22</v>
      </c>
      <c r="B137" s="4" t="s">
        <v>574</v>
      </c>
      <c r="C137" s="3" t="s">
        <v>575</v>
      </c>
      <c r="D137" s="5" t="s">
        <v>301</v>
      </c>
      <c r="E137" s="3" t="s">
        <v>452</v>
      </c>
      <c r="F137" s="3" t="s">
        <v>604</v>
      </c>
      <c r="G137" s="3" t="s">
        <v>315</v>
      </c>
      <c r="H137" s="3" t="s">
        <v>64</v>
      </c>
      <c r="I137" s="3" t="s">
        <v>454</v>
      </c>
      <c r="J137" s="3" t="s">
        <v>605</v>
      </c>
      <c r="K137" s="3" t="s">
        <v>32</v>
      </c>
      <c r="L137" s="3" t="s">
        <v>33</v>
      </c>
      <c r="M137" s="3" t="s">
        <v>66</v>
      </c>
      <c r="N137" s="3" t="s">
        <v>160</v>
      </c>
      <c r="O137" s="3" t="s">
        <v>127</v>
      </c>
      <c r="P137" s="3" t="s">
        <v>37</v>
      </c>
      <c r="Q137" s="3" t="s">
        <v>37</v>
      </c>
      <c r="R137" s="3" t="s">
        <v>38</v>
      </c>
      <c r="S137" s="3" t="s">
        <v>606</v>
      </c>
      <c r="T137" s="3" t="s">
        <v>37</v>
      </c>
      <c r="U137" s="3" t="s">
        <v>37</v>
      </c>
      <c r="V137" s="3" t="s">
        <v>37</v>
      </c>
    </row>
    <row r="138" spans="1:22" x14ac:dyDescent="0.25">
      <c r="A138" s="3" t="s">
        <v>22</v>
      </c>
      <c r="B138" s="4" t="s">
        <v>574</v>
      </c>
      <c r="C138" s="3" t="s">
        <v>575</v>
      </c>
      <c r="D138" s="5" t="s">
        <v>102</v>
      </c>
      <c r="E138" s="3" t="s">
        <v>452</v>
      </c>
      <c r="F138" s="3" t="s">
        <v>607</v>
      </c>
      <c r="G138" s="3" t="s">
        <v>283</v>
      </c>
      <c r="H138" s="3" t="s">
        <v>64</v>
      </c>
      <c r="I138" s="3" t="s">
        <v>454</v>
      </c>
      <c r="J138" s="3" t="s">
        <v>608</v>
      </c>
      <c r="K138" s="3" t="s">
        <v>32</v>
      </c>
      <c r="L138" s="3" t="s">
        <v>33</v>
      </c>
      <c r="M138" s="3" t="s">
        <v>66</v>
      </c>
      <c r="N138" s="3" t="s">
        <v>160</v>
      </c>
      <c r="O138" s="3" t="s">
        <v>127</v>
      </c>
      <c r="P138" s="3" t="s">
        <v>37</v>
      </c>
      <c r="Q138" s="3" t="s">
        <v>37</v>
      </c>
      <c r="R138" s="3" t="s">
        <v>38</v>
      </c>
      <c r="S138" s="3" t="s">
        <v>609</v>
      </c>
      <c r="T138" s="3" t="s">
        <v>37</v>
      </c>
      <c r="U138" s="3" t="s">
        <v>37</v>
      </c>
      <c r="V138" s="3" t="s">
        <v>37</v>
      </c>
    </row>
    <row r="139" spans="1:22" x14ac:dyDescent="0.25">
      <c r="A139" s="3" t="s">
        <v>22</v>
      </c>
      <c r="B139" s="4" t="s">
        <v>574</v>
      </c>
      <c r="C139" s="3" t="s">
        <v>575</v>
      </c>
      <c r="D139" s="5" t="s">
        <v>305</v>
      </c>
      <c r="E139" s="3" t="s">
        <v>452</v>
      </c>
      <c r="F139" s="3" t="s">
        <v>610</v>
      </c>
      <c r="G139" s="3" t="s">
        <v>465</v>
      </c>
      <c r="H139" s="3" t="s">
        <v>64</v>
      </c>
      <c r="I139" s="3" t="s">
        <v>454</v>
      </c>
      <c r="J139" s="3" t="s">
        <v>611</v>
      </c>
      <c r="K139" s="3" t="s">
        <v>32</v>
      </c>
      <c r="L139" s="3" t="s">
        <v>33</v>
      </c>
      <c r="M139" s="3" t="s">
        <v>66</v>
      </c>
      <c r="N139" s="3" t="s">
        <v>160</v>
      </c>
      <c r="O139" s="3" t="s">
        <v>127</v>
      </c>
      <c r="P139" s="3" t="s">
        <v>37</v>
      </c>
      <c r="Q139" s="3" t="s">
        <v>37</v>
      </c>
      <c r="R139" s="3" t="s">
        <v>38</v>
      </c>
      <c r="S139" s="3" t="s">
        <v>612</v>
      </c>
      <c r="T139" s="3" t="s">
        <v>37</v>
      </c>
      <c r="U139" s="3" t="s">
        <v>37</v>
      </c>
      <c r="V139" s="3" t="s">
        <v>37</v>
      </c>
    </row>
    <row r="140" spans="1:22" x14ac:dyDescent="0.25">
      <c r="A140" s="3" t="s">
        <v>22</v>
      </c>
      <c r="B140" s="4" t="s">
        <v>574</v>
      </c>
      <c r="C140" s="3" t="s">
        <v>575</v>
      </c>
      <c r="D140" s="5" t="s">
        <v>463</v>
      </c>
      <c r="E140" s="3" t="s">
        <v>46</v>
      </c>
      <c r="F140" s="3" t="s">
        <v>613</v>
      </c>
      <c r="G140" s="3" t="s">
        <v>505</v>
      </c>
      <c r="H140" s="3" t="s">
        <v>64</v>
      </c>
      <c r="I140" s="3" t="s">
        <v>49</v>
      </c>
      <c r="J140" s="3" t="s">
        <v>614</v>
      </c>
      <c r="K140" s="3" t="s">
        <v>32</v>
      </c>
      <c r="L140" s="3" t="s">
        <v>33</v>
      </c>
      <c r="M140" s="3" t="s">
        <v>34</v>
      </c>
      <c r="N140" s="3" t="s">
        <v>35</v>
      </c>
      <c r="O140" s="3" t="s">
        <v>52</v>
      </c>
      <c r="P140" s="3" t="s">
        <v>53</v>
      </c>
      <c r="Q140" s="3" t="s">
        <v>72</v>
      </c>
      <c r="R140" s="3" t="s">
        <v>38</v>
      </c>
      <c r="S140" s="3" t="s">
        <v>615</v>
      </c>
      <c r="T140" s="3" t="s">
        <v>37</v>
      </c>
      <c r="U140" s="3" t="s">
        <v>37</v>
      </c>
      <c r="V140" s="3" t="s">
        <v>37</v>
      </c>
    </row>
    <row r="141" spans="1:22" x14ac:dyDescent="0.25">
      <c r="A141" s="3" t="s">
        <v>22</v>
      </c>
      <c r="B141" s="4" t="s">
        <v>574</v>
      </c>
      <c r="C141" s="3" t="s">
        <v>575</v>
      </c>
      <c r="D141" s="5" t="s">
        <v>468</v>
      </c>
      <c r="E141" s="3" t="s">
        <v>46</v>
      </c>
      <c r="F141" s="3" t="s">
        <v>616</v>
      </c>
      <c r="G141" s="3" t="s">
        <v>70</v>
      </c>
      <c r="H141" s="3" t="s">
        <v>64</v>
      </c>
      <c r="I141" s="3" t="s">
        <v>49</v>
      </c>
      <c r="J141" s="3" t="s">
        <v>617</v>
      </c>
      <c r="K141" s="3" t="s">
        <v>32</v>
      </c>
      <c r="L141" s="3" t="s">
        <v>33</v>
      </c>
      <c r="M141" s="3" t="s">
        <v>34</v>
      </c>
      <c r="N141" s="3" t="s">
        <v>35</v>
      </c>
      <c r="O141" s="3" t="s">
        <v>52</v>
      </c>
      <c r="P141" s="3" t="s">
        <v>53</v>
      </c>
      <c r="Q141" s="3" t="s">
        <v>72</v>
      </c>
      <c r="R141" s="3" t="s">
        <v>38</v>
      </c>
      <c r="S141" s="3" t="s">
        <v>618</v>
      </c>
      <c r="T141" s="3" t="s">
        <v>37</v>
      </c>
      <c r="U141" s="3" t="s">
        <v>37</v>
      </c>
      <c r="V141" s="3" t="s">
        <v>37</v>
      </c>
    </row>
    <row r="142" spans="1:22" x14ac:dyDescent="0.25">
      <c r="A142" s="3" t="s">
        <v>22</v>
      </c>
      <c r="B142" s="4" t="s">
        <v>574</v>
      </c>
      <c r="C142" s="3" t="s">
        <v>575</v>
      </c>
      <c r="D142" s="5" t="s">
        <v>472</v>
      </c>
      <c r="E142" s="3" t="s">
        <v>473</v>
      </c>
      <c r="F142" s="3" t="s">
        <v>619</v>
      </c>
      <c r="G142" s="3" t="s">
        <v>132</v>
      </c>
      <c r="H142" s="3" t="s">
        <v>64</v>
      </c>
      <c r="I142" s="3" t="s">
        <v>476</v>
      </c>
      <c r="J142" s="3" t="s">
        <v>620</v>
      </c>
      <c r="K142" s="3" t="s">
        <v>32</v>
      </c>
      <c r="L142" s="3" t="s">
        <v>33</v>
      </c>
      <c r="M142" s="3" t="s">
        <v>34</v>
      </c>
      <c r="N142" s="3" t="s">
        <v>71</v>
      </c>
      <c r="O142" s="3" t="s">
        <v>127</v>
      </c>
      <c r="P142" s="3" t="s">
        <v>37</v>
      </c>
      <c r="Q142" s="3" t="s">
        <v>72</v>
      </c>
      <c r="R142" s="3" t="s">
        <v>38</v>
      </c>
      <c r="S142" s="3" t="s">
        <v>621</v>
      </c>
      <c r="T142" s="3" t="s">
        <v>37</v>
      </c>
      <c r="U142" s="3" t="s">
        <v>37</v>
      </c>
      <c r="V142" s="3" t="s">
        <v>37</v>
      </c>
    </row>
    <row r="143" spans="1:22" x14ac:dyDescent="0.25">
      <c r="A143" s="3" t="s">
        <v>22</v>
      </c>
      <c r="B143" s="4" t="s">
        <v>574</v>
      </c>
      <c r="C143" s="3" t="s">
        <v>575</v>
      </c>
      <c r="D143" s="5" t="s">
        <v>117</v>
      </c>
      <c r="E143" s="3" t="s">
        <v>473</v>
      </c>
      <c r="F143" s="3" t="s">
        <v>622</v>
      </c>
      <c r="G143" s="3" t="s">
        <v>137</v>
      </c>
      <c r="H143" s="3" t="s">
        <v>64</v>
      </c>
      <c r="I143" s="3" t="s">
        <v>476</v>
      </c>
      <c r="J143" s="3" t="s">
        <v>623</v>
      </c>
      <c r="K143" s="3" t="s">
        <v>32</v>
      </c>
      <c r="L143" s="3" t="s">
        <v>33</v>
      </c>
      <c r="M143" s="3" t="s">
        <v>34</v>
      </c>
      <c r="N143" s="3" t="s">
        <v>71</v>
      </c>
      <c r="O143" s="3" t="s">
        <v>127</v>
      </c>
      <c r="P143" s="3" t="s">
        <v>37</v>
      </c>
      <c r="Q143" s="3" t="s">
        <v>72</v>
      </c>
      <c r="R143" s="3" t="s">
        <v>38</v>
      </c>
      <c r="S143" s="3" t="s">
        <v>624</v>
      </c>
      <c r="T143" s="3" t="s">
        <v>37</v>
      </c>
      <c r="U143" s="3" t="s">
        <v>37</v>
      </c>
      <c r="V143" s="3" t="s">
        <v>37</v>
      </c>
    </row>
    <row r="144" spans="1:22" x14ac:dyDescent="0.25">
      <c r="A144" s="3" t="s">
        <v>22</v>
      </c>
      <c r="B144" s="4" t="s">
        <v>574</v>
      </c>
      <c r="C144" s="3" t="s">
        <v>575</v>
      </c>
      <c r="D144" s="5" t="s">
        <v>483</v>
      </c>
      <c r="E144" s="3" t="s">
        <v>473</v>
      </c>
      <c r="F144" s="3" t="s">
        <v>625</v>
      </c>
      <c r="G144" s="3" t="s">
        <v>265</v>
      </c>
      <c r="H144" s="3" t="s">
        <v>64</v>
      </c>
      <c r="I144" s="3" t="s">
        <v>476</v>
      </c>
      <c r="J144" s="3" t="s">
        <v>626</v>
      </c>
      <c r="K144" s="3" t="s">
        <v>32</v>
      </c>
      <c r="L144" s="3" t="s">
        <v>33</v>
      </c>
      <c r="M144" s="3" t="s">
        <v>34</v>
      </c>
      <c r="N144" s="3" t="s">
        <v>71</v>
      </c>
      <c r="O144" s="3" t="s">
        <v>127</v>
      </c>
      <c r="P144" s="3" t="s">
        <v>37</v>
      </c>
      <c r="Q144" s="3" t="s">
        <v>72</v>
      </c>
      <c r="R144" s="3" t="s">
        <v>38</v>
      </c>
      <c r="S144" s="3" t="s">
        <v>627</v>
      </c>
      <c r="T144" s="3" t="s">
        <v>37</v>
      </c>
      <c r="U144" s="3" t="s">
        <v>37</v>
      </c>
      <c r="V144" s="3" t="s">
        <v>37</v>
      </c>
    </row>
    <row r="145" spans="1:22" x14ac:dyDescent="0.25">
      <c r="A145" s="3" t="s">
        <v>22</v>
      </c>
      <c r="B145" s="4" t="s">
        <v>574</v>
      </c>
      <c r="C145" s="3" t="s">
        <v>575</v>
      </c>
      <c r="D145" s="5" t="s">
        <v>487</v>
      </c>
      <c r="E145" s="3" t="s">
        <v>473</v>
      </c>
      <c r="F145" s="3" t="s">
        <v>628</v>
      </c>
      <c r="G145" s="3" t="s">
        <v>408</v>
      </c>
      <c r="H145" s="3" t="s">
        <v>64</v>
      </c>
      <c r="I145" s="3" t="s">
        <v>476</v>
      </c>
      <c r="J145" s="3" t="s">
        <v>629</v>
      </c>
      <c r="K145" s="3" t="s">
        <v>32</v>
      </c>
      <c r="L145" s="3" t="s">
        <v>33</v>
      </c>
      <c r="M145" s="3" t="s">
        <v>34</v>
      </c>
      <c r="N145" s="3" t="s">
        <v>71</v>
      </c>
      <c r="O145" s="3" t="s">
        <v>127</v>
      </c>
      <c r="P145" s="3" t="s">
        <v>37</v>
      </c>
      <c r="Q145" s="3" t="s">
        <v>72</v>
      </c>
      <c r="R145" s="3" t="s">
        <v>38</v>
      </c>
      <c r="S145" s="3" t="s">
        <v>630</v>
      </c>
      <c r="T145" s="3" t="s">
        <v>37</v>
      </c>
      <c r="U145" s="3" t="s">
        <v>37</v>
      </c>
      <c r="V145" s="3" t="s">
        <v>37</v>
      </c>
    </row>
    <row r="146" spans="1:22" x14ac:dyDescent="0.25">
      <c r="A146" s="3" t="s">
        <v>22</v>
      </c>
      <c r="B146" s="4" t="s">
        <v>574</v>
      </c>
      <c r="C146" s="3" t="s">
        <v>575</v>
      </c>
      <c r="D146" s="5" t="s">
        <v>491</v>
      </c>
      <c r="E146" s="3" t="s">
        <v>46</v>
      </c>
      <c r="F146" s="3" t="s">
        <v>324</v>
      </c>
      <c r="G146" s="3" t="s">
        <v>265</v>
      </c>
      <c r="H146" s="3" t="s">
        <v>29</v>
      </c>
      <c r="I146" s="3" t="s">
        <v>49</v>
      </c>
      <c r="J146" s="3" t="s">
        <v>325</v>
      </c>
      <c r="K146" s="3" t="s">
        <v>32</v>
      </c>
      <c r="L146" s="3" t="s">
        <v>33</v>
      </c>
      <c r="M146" s="3" t="s">
        <v>34</v>
      </c>
      <c r="N146" s="3" t="s">
        <v>51</v>
      </c>
      <c r="O146" s="3" t="s">
        <v>52</v>
      </c>
      <c r="P146" s="3" t="s">
        <v>37</v>
      </c>
      <c r="Q146" s="3" t="s">
        <v>37</v>
      </c>
      <c r="R146" s="3" t="s">
        <v>38</v>
      </c>
      <c r="S146" s="3" t="s">
        <v>326</v>
      </c>
      <c r="T146" s="3" t="s">
        <v>37</v>
      </c>
      <c r="U146" s="3" t="s">
        <v>37</v>
      </c>
      <c r="V146" s="3" t="s">
        <v>37</v>
      </c>
    </row>
    <row r="147" spans="1:22" x14ac:dyDescent="0.25">
      <c r="A147" s="3" t="s">
        <v>22</v>
      </c>
      <c r="B147" s="4" t="s">
        <v>574</v>
      </c>
      <c r="C147" s="3" t="s">
        <v>575</v>
      </c>
      <c r="D147" s="5" t="s">
        <v>495</v>
      </c>
      <c r="E147" s="3" t="s">
        <v>46</v>
      </c>
      <c r="F147" s="3" t="s">
        <v>631</v>
      </c>
      <c r="G147" s="3" t="s">
        <v>213</v>
      </c>
      <c r="H147" s="3" t="s">
        <v>64</v>
      </c>
      <c r="I147" s="3" t="s">
        <v>49</v>
      </c>
      <c r="J147" s="3" t="s">
        <v>632</v>
      </c>
      <c r="K147" s="3" t="s">
        <v>32</v>
      </c>
      <c r="L147" s="3" t="s">
        <v>33</v>
      </c>
      <c r="M147" s="3" t="s">
        <v>34</v>
      </c>
      <c r="N147" s="3" t="s">
        <v>35</v>
      </c>
      <c r="O147" s="3" t="s">
        <v>52</v>
      </c>
      <c r="P147" s="3" t="s">
        <v>53</v>
      </c>
      <c r="Q147" s="3" t="s">
        <v>72</v>
      </c>
      <c r="R147" s="3" t="s">
        <v>38</v>
      </c>
      <c r="S147" s="3" t="s">
        <v>633</v>
      </c>
      <c r="T147" s="3" t="s">
        <v>37</v>
      </c>
      <c r="U147" s="3" t="s">
        <v>37</v>
      </c>
      <c r="V147" s="3" t="s">
        <v>37</v>
      </c>
    </row>
    <row r="148" spans="1:22" x14ac:dyDescent="0.25">
      <c r="A148" s="3" t="s">
        <v>22</v>
      </c>
      <c r="B148" s="4" t="s">
        <v>574</v>
      </c>
      <c r="C148" s="3" t="s">
        <v>575</v>
      </c>
      <c r="D148" s="5" t="s">
        <v>140</v>
      </c>
      <c r="E148" s="3" t="s">
        <v>155</v>
      </c>
      <c r="F148" s="3" t="s">
        <v>634</v>
      </c>
      <c r="G148" s="3" t="s">
        <v>132</v>
      </c>
      <c r="H148" s="3" t="s">
        <v>29</v>
      </c>
      <c r="I148" s="3" t="s">
        <v>37</v>
      </c>
      <c r="J148" s="3" t="s">
        <v>635</v>
      </c>
      <c r="K148" s="3" t="s">
        <v>32</v>
      </c>
      <c r="L148" s="3" t="s">
        <v>33</v>
      </c>
      <c r="M148" s="3" t="s">
        <v>34</v>
      </c>
      <c r="N148" s="3" t="s">
        <v>79</v>
      </c>
      <c r="O148" s="3" t="s">
        <v>52</v>
      </c>
      <c r="P148" s="3" t="s">
        <v>37</v>
      </c>
      <c r="Q148" s="3" t="s">
        <v>37</v>
      </c>
      <c r="R148" s="3" t="s">
        <v>38</v>
      </c>
      <c r="S148" s="3" t="s">
        <v>636</v>
      </c>
      <c r="T148" s="3" t="s">
        <v>37</v>
      </c>
      <c r="U148" s="3" t="s">
        <v>37</v>
      </c>
      <c r="V148" s="3" t="s">
        <v>37</v>
      </c>
    </row>
    <row r="149" spans="1:22" x14ac:dyDescent="0.25">
      <c r="A149" s="3" t="s">
        <v>22</v>
      </c>
      <c r="B149" s="4" t="s">
        <v>574</v>
      </c>
      <c r="C149" s="3" t="s">
        <v>575</v>
      </c>
      <c r="D149" s="5" t="s">
        <v>503</v>
      </c>
      <c r="E149" s="3" t="s">
        <v>155</v>
      </c>
      <c r="F149" s="3" t="s">
        <v>637</v>
      </c>
      <c r="G149" s="3" t="s">
        <v>288</v>
      </c>
      <c r="H149" s="3" t="s">
        <v>64</v>
      </c>
      <c r="I149" s="3" t="s">
        <v>158</v>
      </c>
      <c r="J149" s="3" t="s">
        <v>638</v>
      </c>
      <c r="K149" s="3" t="s">
        <v>32</v>
      </c>
      <c r="L149" s="3" t="s">
        <v>33</v>
      </c>
      <c r="M149" s="3" t="s">
        <v>34</v>
      </c>
      <c r="N149" s="3" t="s">
        <v>160</v>
      </c>
      <c r="O149" s="3" t="s">
        <v>161</v>
      </c>
      <c r="P149" s="3" t="s">
        <v>37</v>
      </c>
      <c r="Q149" s="3" t="s">
        <v>37</v>
      </c>
      <c r="R149" s="3" t="s">
        <v>38</v>
      </c>
      <c r="S149" s="3" t="s">
        <v>639</v>
      </c>
      <c r="T149" s="3" t="s">
        <v>37</v>
      </c>
      <c r="U149" s="3" t="s">
        <v>37</v>
      </c>
      <c r="V149" s="3" t="s">
        <v>37</v>
      </c>
    </row>
    <row r="150" spans="1:22" x14ac:dyDescent="0.25">
      <c r="A150" s="3" t="s">
        <v>22</v>
      </c>
      <c r="B150" s="4" t="s">
        <v>574</v>
      </c>
      <c r="C150" s="3" t="s">
        <v>575</v>
      </c>
      <c r="D150" s="5" t="s">
        <v>152</v>
      </c>
      <c r="E150" s="3" t="s">
        <v>508</v>
      </c>
      <c r="F150" s="3" t="s">
        <v>640</v>
      </c>
      <c r="G150" s="3" t="s">
        <v>641</v>
      </c>
      <c r="H150" s="3" t="s">
        <v>278</v>
      </c>
      <c r="I150" s="3" t="s">
        <v>642</v>
      </c>
      <c r="J150" s="3" t="s">
        <v>643</v>
      </c>
      <c r="K150" s="3" t="s">
        <v>32</v>
      </c>
      <c r="L150" s="3" t="s">
        <v>33</v>
      </c>
      <c r="M150" s="3" t="s">
        <v>66</v>
      </c>
      <c r="N150" s="3" t="s">
        <v>513</v>
      </c>
      <c r="O150" s="3" t="s">
        <v>52</v>
      </c>
      <c r="P150" s="3" t="s">
        <v>37</v>
      </c>
      <c r="Q150" s="3" t="s">
        <v>37</v>
      </c>
      <c r="R150" s="3" t="s">
        <v>38</v>
      </c>
      <c r="S150" s="3" t="s">
        <v>644</v>
      </c>
      <c r="T150" s="3" t="s">
        <v>37</v>
      </c>
      <c r="U150" s="3" t="s">
        <v>37</v>
      </c>
      <c r="V150" s="3" t="s">
        <v>37</v>
      </c>
    </row>
    <row r="151" spans="1:22" x14ac:dyDescent="0.25">
      <c r="A151" s="3" t="s">
        <v>22</v>
      </c>
      <c r="B151" s="4" t="s">
        <v>574</v>
      </c>
      <c r="C151" s="3" t="s">
        <v>575</v>
      </c>
      <c r="D151" s="5" t="s">
        <v>163</v>
      </c>
      <c r="E151" s="3" t="s">
        <v>508</v>
      </c>
      <c r="F151" s="3" t="s">
        <v>645</v>
      </c>
      <c r="G151" s="3" t="s">
        <v>646</v>
      </c>
      <c r="H151" s="3" t="s">
        <v>278</v>
      </c>
      <c r="I151" s="3" t="s">
        <v>647</v>
      </c>
      <c r="J151" s="3" t="s">
        <v>648</v>
      </c>
      <c r="K151" s="3" t="s">
        <v>32</v>
      </c>
      <c r="L151" s="3" t="s">
        <v>33</v>
      </c>
      <c r="M151" s="3" t="s">
        <v>66</v>
      </c>
      <c r="N151" s="3" t="s">
        <v>513</v>
      </c>
      <c r="O151" s="3" t="s">
        <v>52</v>
      </c>
      <c r="P151" s="3" t="s">
        <v>37</v>
      </c>
      <c r="Q151" s="3" t="s">
        <v>37</v>
      </c>
      <c r="R151" s="3" t="s">
        <v>38</v>
      </c>
      <c r="S151" s="3" t="s">
        <v>649</v>
      </c>
      <c r="T151" s="3" t="s">
        <v>37</v>
      </c>
      <c r="U151" s="3" t="s">
        <v>37</v>
      </c>
      <c r="V151" s="3" t="s">
        <v>37</v>
      </c>
    </row>
    <row r="152" spans="1:22" x14ac:dyDescent="0.25">
      <c r="A152" s="3" t="s">
        <v>22</v>
      </c>
      <c r="B152" s="4" t="s">
        <v>574</v>
      </c>
      <c r="C152" s="3" t="s">
        <v>575</v>
      </c>
      <c r="D152" s="5" t="s">
        <v>173</v>
      </c>
      <c r="E152" s="3" t="s">
        <v>46</v>
      </c>
      <c r="F152" s="3" t="s">
        <v>650</v>
      </c>
      <c r="G152" s="3" t="s">
        <v>228</v>
      </c>
      <c r="H152" s="3" t="s">
        <v>64</v>
      </c>
      <c r="I152" s="3" t="s">
        <v>49</v>
      </c>
      <c r="J152" s="3" t="s">
        <v>651</v>
      </c>
      <c r="K152" s="3" t="s">
        <v>32</v>
      </c>
      <c r="L152" s="3" t="s">
        <v>33</v>
      </c>
      <c r="M152" s="3" t="s">
        <v>34</v>
      </c>
      <c r="N152" s="3" t="s">
        <v>35</v>
      </c>
      <c r="O152" s="3" t="s">
        <v>52</v>
      </c>
      <c r="P152" s="3" t="s">
        <v>53</v>
      </c>
      <c r="Q152" s="3" t="s">
        <v>72</v>
      </c>
      <c r="R152" s="3" t="s">
        <v>38</v>
      </c>
      <c r="S152" s="3" t="s">
        <v>652</v>
      </c>
      <c r="T152" s="3" t="s">
        <v>37</v>
      </c>
      <c r="U152" s="3" t="s">
        <v>37</v>
      </c>
      <c r="V152" s="3" t="s">
        <v>37</v>
      </c>
    </row>
    <row r="153" spans="1:22" x14ac:dyDescent="0.25">
      <c r="A153" s="3" t="s">
        <v>22</v>
      </c>
      <c r="B153" s="4" t="s">
        <v>574</v>
      </c>
      <c r="C153" s="3" t="s">
        <v>575</v>
      </c>
      <c r="D153" s="5" t="s">
        <v>177</v>
      </c>
      <c r="E153" s="3" t="s">
        <v>46</v>
      </c>
      <c r="F153" s="3" t="s">
        <v>273</v>
      </c>
      <c r="G153" s="3" t="s">
        <v>274</v>
      </c>
      <c r="H153" s="3" t="s">
        <v>64</v>
      </c>
      <c r="I153" s="3" t="s">
        <v>49</v>
      </c>
      <c r="J153" s="3" t="s">
        <v>275</v>
      </c>
      <c r="K153" s="3" t="s">
        <v>32</v>
      </c>
      <c r="L153" s="3" t="s">
        <v>33</v>
      </c>
      <c r="M153" s="3" t="s">
        <v>34</v>
      </c>
      <c r="N153" s="3" t="s">
        <v>35</v>
      </c>
      <c r="O153" s="3" t="s">
        <v>52</v>
      </c>
      <c r="P153" s="3" t="s">
        <v>53</v>
      </c>
      <c r="Q153" s="3" t="s">
        <v>72</v>
      </c>
      <c r="R153" s="3" t="s">
        <v>38</v>
      </c>
      <c r="S153" s="3" t="s">
        <v>276</v>
      </c>
      <c r="T153" s="3" t="s">
        <v>37</v>
      </c>
      <c r="U153" s="3" t="s">
        <v>37</v>
      </c>
      <c r="V153" s="3" t="s">
        <v>37</v>
      </c>
    </row>
    <row r="154" spans="1:22" x14ac:dyDescent="0.25">
      <c r="A154" s="3" t="s">
        <v>22</v>
      </c>
      <c r="B154" s="4" t="s">
        <v>574</v>
      </c>
      <c r="C154" s="3" t="s">
        <v>575</v>
      </c>
      <c r="D154" s="5" t="s">
        <v>182</v>
      </c>
      <c r="E154" s="3" t="s">
        <v>508</v>
      </c>
      <c r="F154" s="3" t="s">
        <v>653</v>
      </c>
      <c r="G154" s="3" t="s">
        <v>654</v>
      </c>
      <c r="H154" s="3" t="s">
        <v>77</v>
      </c>
      <c r="I154" s="3" t="s">
        <v>655</v>
      </c>
      <c r="J154" s="3" t="s">
        <v>656</v>
      </c>
      <c r="K154" s="3" t="s">
        <v>32</v>
      </c>
      <c r="L154" s="3" t="s">
        <v>33</v>
      </c>
      <c r="M154" s="3" t="s">
        <v>66</v>
      </c>
      <c r="N154" s="3" t="s">
        <v>513</v>
      </c>
      <c r="O154" s="3" t="s">
        <v>52</v>
      </c>
      <c r="P154" s="3" t="s">
        <v>37</v>
      </c>
      <c r="Q154" s="3" t="s">
        <v>37</v>
      </c>
      <c r="R154" s="3" t="s">
        <v>38</v>
      </c>
      <c r="S154" s="3" t="s">
        <v>657</v>
      </c>
      <c r="T154" s="3" t="s">
        <v>37</v>
      </c>
      <c r="U154" s="3" t="s">
        <v>37</v>
      </c>
      <c r="V154" s="3" t="s">
        <v>37</v>
      </c>
    </row>
    <row r="155" spans="1:22" x14ac:dyDescent="0.25">
      <c r="A155" s="3" t="s">
        <v>22</v>
      </c>
      <c r="B155" s="4" t="s">
        <v>574</v>
      </c>
      <c r="C155" s="3" t="s">
        <v>575</v>
      </c>
      <c r="D155" s="5" t="s">
        <v>187</v>
      </c>
      <c r="E155" s="3" t="s">
        <v>508</v>
      </c>
      <c r="F155" s="3" t="s">
        <v>658</v>
      </c>
      <c r="G155" s="3" t="s">
        <v>659</v>
      </c>
      <c r="H155" s="3" t="s">
        <v>278</v>
      </c>
      <c r="I155" s="3" t="s">
        <v>660</v>
      </c>
      <c r="J155" s="3" t="s">
        <v>661</v>
      </c>
      <c r="K155" s="3" t="s">
        <v>32</v>
      </c>
      <c r="L155" s="3" t="s">
        <v>33</v>
      </c>
      <c r="M155" s="3" t="s">
        <v>66</v>
      </c>
      <c r="N155" s="3" t="s">
        <v>513</v>
      </c>
      <c r="O155" s="3" t="s">
        <v>52</v>
      </c>
      <c r="P155" s="3" t="s">
        <v>37</v>
      </c>
      <c r="Q155" s="3" t="s">
        <v>37</v>
      </c>
      <c r="R155" s="3" t="s">
        <v>38</v>
      </c>
      <c r="S155" s="3" t="s">
        <v>662</v>
      </c>
      <c r="T155" s="3" t="s">
        <v>37</v>
      </c>
      <c r="U155" s="3" t="s">
        <v>37</v>
      </c>
      <c r="V155" s="3" t="s">
        <v>37</v>
      </c>
    </row>
    <row r="156" spans="1:22" x14ac:dyDescent="0.25">
      <c r="A156" s="3" t="s">
        <v>22</v>
      </c>
      <c r="B156" s="4" t="s">
        <v>574</v>
      </c>
      <c r="C156" s="3" t="s">
        <v>575</v>
      </c>
      <c r="D156" s="5" t="s">
        <v>192</v>
      </c>
      <c r="E156" s="3" t="s">
        <v>46</v>
      </c>
      <c r="F156" s="3" t="s">
        <v>371</v>
      </c>
      <c r="G156" s="3" t="s">
        <v>278</v>
      </c>
      <c r="H156" s="3" t="s">
        <v>64</v>
      </c>
      <c r="I156" s="3" t="s">
        <v>49</v>
      </c>
      <c r="J156" s="3" t="s">
        <v>372</v>
      </c>
      <c r="K156" s="3" t="s">
        <v>32</v>
      </c>
      <c r="L156" s="3" t="s">
        <v>33</v>
      </c>
      <c r="M156" s="3" t="s">
        <v>34</v>
      </c>
      <c r="N156" s="3" t="s">
        <v>35</v>
      </c>
      <c r="O156" s="3" t="s">
        <v>52</v>
      </c>
      <c r="P156" s="3" t="s">
        <v>53</v>
      </c>
      <c r="Q156" s="3" t="s">
        <v>72</v>
      </c>
      <c r="R156" s="3" t="s">
        <v>38</v>
      </c>
      <c r="S156" s="3" t="s">
        <v>373</v>
      </c>
      <c r="T156" s="3" t="s">
        <v>37</v>
      </c>
      <c r="U156" s="3" t="s">
        <v>37</v>
      </c>
      <c r="V156" s="3" t="s">
        <v>37</v>
      </c>
    </row>
    <row r="157" spans="1:22" x14ac:dyDescent="0.25">
      <c r="A157" s="3" t="s">
        <v>22</v>
      </c>
      <c r="B157" s="4" t="s">
        <v>574</v>
      </c>
      <c r="C157" s="3" t="s">
        <v>575</v>
      </c>
      <c r="D157" s="5" t="s">
        <v>198</v>
      </c>
      <c r="E157" s="3" t="s">
        <v>46</v>
      </c>
      <c r="F157" s="3" t="s">
        <v>375</v>
      </c>
      <c r="G157" s="3" t="s">
        <v>222</v>
      </c>
      <c r="H157" s="3" t="s">
        <v>64</v>
      </c>
      <c r="I157" s="3" t="s">
        <v>49</v>
      </c>
      <c r="J157" s="3" t="s">
        <v>376</v>
      </c>
      <c r="K157" s="3" t="s">
        <v>32</v>
      </c>
      <c r="L157" s="3" t="s">
        <v>33</v>
      </c>
      <c r="M157" s="3" t="s">
        <v>34</v>
      </c>
      <c r="N157" s="3" t="s">
        <v>35</v>
      </c>
      <c r="O157" s="3" t="s">
        <v>52</v>
      </c>
      <c r="P157" s="3" t="s">
        <v>53</v>
      </c>
      <c r="Q157" s="3" t="s">
        <v>72</v>
      </c>
      <c r="R157" s="3" t="s">
        <v>38</v>
      </c>
      <c r="S157" s="3" t="s">
        <v>377</v>
      </c>
      <c r="T157" s="3" t="s">
        <v>37</v>
      </c>
      <c r="U157" s="3" t="s">
        <v>37</v>
      </c>
      <c r="V157" s="3" t="s">
        <v>37</v>
      </c>
    </row>
    <row r="158" spans="1:22" x14ac:dyDescent="0.25">
      <c r="A158" s="3" t="s">
        <v>22</v>
      </c>
      <c r="B158" s="4" t="s">
        <v>574</v>
      </c>
      <c r="C158" s="3" t="s">
        <v>575</v>
      </c>
      <c r="D158" s="5" t="s">
        <v>203</v>
      </c>
      <c r="E158" s="3" t="s">
        <v>46</v>
      </c>
      <c r="F158" s="3" t="s">
        <v>379</v>
      </c>
      <c r="G158" s="3" t="s">
        <v>380</v>
      </c>
      <c r="H158" s="3" t="s">
        <v>64</v>
      </c>
      <c r="I158" s="3" t="s">
        <v>49</v>
      </c>
      <c r="J158" s="3" t="s">
        <v>381</v>
      </c>
      <c r="K158" s="3" t="s">
        <v>32</v>
      </c>
      <c r="L158" s="3" t="s">
        <v>33</v>
      </c>
      <c r="M158" s="3" t="s">
        <v>34</v>
      </c>
      <c r="N158" s="3" t="s">
        <v>35</v>
      </c>
      <c r="O158" s="3" t="s">
        <v>52</v>
      </c>
      <c r="P158" s="3" t="s">
        <v>53</v>
      </c>
      <c r="Q158" s="3" t="s">
        <v>72</v>
      </c>
      <c r="R158" s="3" t="s">
        <v>38</v>
      </c>
      <c r="S158" s="3" t="s">
        <v>382</v>
      </c>
      <c r="T158" s="3" t="s">
        <v>37</v>
      </c>
      <c r="U158" s="3" t="s">
        <v>37</v>
      </c>
      <c r="V158" s="3" t="s">
        <v>37</v>
      </c>
    </row>
    <row r="159" spans="1:22" x14ac:dyDescent="0.25">
      <c r="A159" s="3" t="s">
        <v>22</v>
      </c>
      <c r="B159" s="4" t="s">
        <v>574</v>
      </c>
      <c r="C159" s="3" t="s">
        <v>575</v>
      </c>
      <c r="D159" s="5" t="s">
        <v>207</v>
      </c>
      <c r="E159" s="3" t="s">
        <v>74</v>
      </c>
      <c r="F159" s="3" t="s">
        <v>663</v>
      </c>
      <c r="G159" s="3" t="s">
        <v>274</v>
      </c>
      <c r="H159" s="3" t="s">
        <v>64</v>
      </c>
      <c r="I159" s="3" t="s">
        <v>284</v>
      </c>
      <c r="J159" s="3" t="s">
        <v>664</v>
      </c>
      <c r="K159" s="3" t="s">
        <v>32</v>
      </c>
      <c r="L159" s="3" t="s">
        <v>33</v>
      </c>
      <c r="M159" s="3" t="s">
        <v>66</v>
      </c>
      <c r="N159" s="3" t="s">
        <v>51</v>
      </c>
      <c r="O159" s="3" t="s">
        <v>52</v>
      </c>
      <c r="P159" s="3" t="s">
        <v>37</v>
      </c>
      <c r="Q159" s="3" t="s">
        <v>37</v>
      </c>
      <c r="R159" s="3" t="s">
        <v>38</v>
      </c>
      <c r="S159" s="3" t="s">
        <v>665</v>
      </c>
      <c r="T159" s="3" t="s">
        <v>37</v>
      </c>
      <c r="U159" s="3" t="s">
        <v>37</v>
      </c>
      <c r="V159" s="3" t="s">
        <v>37</v>
      </c>
    </row>
    <row r="160" spans="1:22" x14ac:dyDescent="0.25">
      <c r="A160" s="3" t="s">
        <v>22</v>
      </c>
      <c r="B160" s="4" t="s">
        <v>574</v>
      </c>
      <c r="C160" s="3" t="s">
        <v>575</v>
      </c>
      <c r="D160" s="5" t="s">
        <v>370</v>
      </c>
      <c r="E160" s="3" t="s">
        <v>74</v>
      </c>
      <c r="F160" s="3" t="s">
        <v>297</v>
      </c>
      <c r="G160" s="3" t="s">
        <v>228</v>
      </c>
      <c r="H160" s="3" t="s">
        <v>64</v>
      </c>
      <c r="I160" s="3" t="s">
        <v>298</v>
      </c>
      <c r="J160" s="3" t="s">
        <v>299</v>
      </c>
      <c r="K160" s="3" t="s">
        <v>32</v>
      </c>
      <c r="L160" s="3" t="s">
        <v>33</v>
      </c>
      <c r="M160" s="3" t="s">
        <v>66</v>
      </c>
      <c r="N160" s="3" t="s">
        <v>51</v>
      </c>
      <c r="O160" s="3" t="s">
        <v>52</v>
      </c>
      <c r="P160" s="3" t="s">
        <v>37</v>
      </c>
      <c r="Q160" s="3" t="s">
        <v>37</v>
      </c>
      <c r="R160" s="3" t="s">
        <v>38</v>
      </c>
      <c r="S160" s="3" t="s">
        <v>300</v>
      </c>
      <c r="T160" s="3" t="s">
        <v>37</v>
      </c>
      <c r="U160" s="3" t="s">
        <v>37</v>
      </c>
      <c r="V160" s="3" t="s">
        <v>37</v>
      </c>
    </row>
    <row r="161" spans="1:22" x14ac:dyDescent="0.25">
      <c r="A161" s="3" t="s">
        <v>22</v>
      </c>
      <c r="B161" s="4" t="s">
        <v>574</v>
      </c>
      <c r="C161" s="3" t="s">
        <v>575</v>
      </c>
      <c r="D161" s="5" t="s">
        <v>539</v>
      </c>
      <c r="E161" s="3" t="s">
        <v>540</v>
      </c>
      <c r="F161" s="3" t="s">
        <v>666</v>
      </c>
      <c r="G161" s="3" t="s">
        <v>274</v>
      </c>
      <c r="H161" s="3" t="s">
        <v>64</v>
      </c>
      <c r="I161" s="3" t="s">
        <v>542</v>
      </c>
      <c r="J161" s="3" t="s">
        <v>667</v>
      </c>
      <c r="K161" s="3" t="s">
        <v>32</v>
      </c>
      <c r="L161" s="3" t="s">
        <v>544</v>
      </c>
      <c r="M161" s="3" t="s">
        <v>34</v>
      </c>
      <c r="N161" s="3" t="s">
        <v>35</v>
      </c>
      <c r="O161" s="3" t="s">
        <v>80</v>
      </c>
      <c r="P161" s="3" t="s">
        <v>37</v>
      </c>
      <c r="Q161" s="3" t="s">
        <v>37</v>
      </c>
      <c r="R161" s="3" t="s">
        <v>38</v>
      </c>
      <c r="S161" s="3" t="s">
        <v>668</v>
      </c>
      <c r="T161" s="3" t="s">
        <v>37</v>
      </c>
      <c r="U161" s="3" t="s">
        <v>37</v>
      </c>
      <c r="V161" s="3" t="s">
        <v>37</v>
      </c>
    </row>
    <row r="162" spans="1:22" x14ac:dyDescent="0.25">
      <c r="A162" s="3" t="s">
        <v>22</v>
      </c>
      <c r="B162" s="4" t="s">
        <v>574</v>
      </c>
      <c r="C162" s="3" t="s">
        <v>575</v>
      </c>
      <c r="D162" s="5" t="s">
        <v>546</v>
      </c>
      <c r="E162" s="3" t="s">
        <v>540</v>
      </c>
      <c r="F162" s="3" t="s">
        <v>669</v>
      </c>
      <c r="G162" s="3" t="s">
        <v>233</v>
      </c>
      <c r="H162" s="3" t="s">
        <v>29</v>
      </c>
      <c r="I162" s="3" t="s">
        <v>670</v>
      </c>
      <c r="J162" s="3" t="s">
        <v>671</v>
      </c>
      <c r="K162" s="3" t="s">
        <v>32</v>
      </c>
      <c r="L162" s="3" t="s">
        <v>33</v>
      </c>
      <c r="M162" s="3" t="s">
        <v>34</v>
      </c>
      <c r="N162" s="3" t="s">
        <v>160</v>
      </c>
      <c r="O162" s="3" t="s">
        <v>80</v>
      </c>
      <c r="P162" s="3" t="s">
        <v>37</v>
      </c>
      <c r="Q162" s="3" t="s">
        <v>37</v>
      </c>
      <c r="R162" s="3" t="s">
        <v>38</v>
      </c>
      <c r="S162" s="3" t="s">
        <v>672</v>
      </c>
      <c r="T162" s="3" t="s">
        <v>37</v>
      </c>
      <c r="U162" s="3" t="s">
        <v>37</v>
      </c>
      <c r="V162" s="3" t="s">
        <v>37</v>
      </c>
    </row>
    <row r="163" spans="1:22" x14ac:dyDescent="0.25">
      <c r="A163" s="3" t="s">
        <v>22</v>
      </c>
      <c r="B163" s="4" t="s">
        <v>574</v>
      </c>
      <c r="C163" s="3" t="s">
        <v>575</v>
      </c>
      <c r="D163" s="5" t="s">
        <v>216</v>
      </c>
      <c r="E163" s="3" t="s">
        <v>550</v>
      </c>
      <c r="F163" s="3" t="s">
        <v>673</v>
      </c>
      <c r="G163" s="3" t="s">
        <v>674</v>
      </c>
      <c r="H163" s="3" t="s">
        <v>278</v>
      </c>
      <c r="I163" s="3" t="s">
        <v>37</v>
      </c>
      <c r="J163" s="3" t="s">
        <v>675</v>
      </c>
      <c r="K163" s="3" t="s">
        <v>32</v>
      </c>
      <c r="L163" s="3" t="s">
        <v>115</v>
      </c>
      <c r="M163" s="3" t="s">
        <v>66</v>
      </c>
      <c r="N163" s="3" t="s">
        <v>67</v>
      </c>
      <c r="O163" s="3" t="s">
        <v>150</v>
      </c>
      <c r="P163" s="3" t="s">
        <v>53</v>
      </c>
      <c r="Q163" s="3" t="s">
        <v>37</v>
      </c>
      <c r="R163" s="3" t="s">
        <v>38</v>
      </c>
      <c r="S163" s="3" t="s">
        <v>676</v>
      </c>
      <c r="T163" s="3" t="s">
        <v>37</v>
      </c>
      <c r="U163" s="3" t="s">
        <v>37</v>
      </c>
      <c r="V163" s="3" t="s">
        <v>37</v>
      </c>
    </row>
    <row r="164" spans="1:22" x14ac:dyDescent="0.25">
      <c r="A164" s="3" t="s">
        <v>22</v>
      </c>
      <c r="B164" s="4" t="s">
        <v>574</v>
      </c>
      <c r="C164" s="3" t="s">
        <v>575</v>
      </c>
      <c r="D164" s="5" t="s">
        <v>220</v>
      </c>
      <c r="E164" s="3" t="s">
        <v>550</v>
      </c>
      <c r="F164" s="3" t="s">
        <v>677</v>
      </c>
      <c r="G164" s="3" t="s">
        <v>678</v>
      </c>
      <c r="H164" s="3" t="s">
        <v>278</v>
      </c>
      <c r="I164" s="3" t="s">
        <v>37</v>
      </c>
      <c r="J164" s="3" t="s">
        <v>679</v>
      </c>
      <c r="K164" s="3" t="s">
        <v>32</v>
      </c>
      <c r="L164" s="3" t="s">
        <v>115</v>
      </c>
      <c r="M164" s="3" t="s">
        <v>66</v>
      </c>
      <c r="N164" s="3" t="s">
        <v>67</v>
      </c>
      <c r="O164" s="3" t="s">
        <v>36</v>
      </c>
      <c r="P164" s="3" t="s">
        <v>53</v>
      </c>
      <c r="Q164" s="3" t="s">
        <v>37</v>
      </c>
      <c r="R164" s="3" t="s">
        <v>38</v>
      </c>
      <c r="S164" s="3" t="s">
        <v>680</v>
      </c>
      <c r="T164" s="3" t="s">
        <v>37</v>
      </c>
      <c r="U164" s="3" t="s">
        <v>37</v>
      </c>
      <c r="V164" s="3" t="s">
        <v>37</v>
      </c>
    </row>
    <row r="165" spans="1:22" x14ac:dyDescent="0.25">
      <c r="A165" s="3" t="s">
        <v>22</v>
      </c>
      <c r="B165" s="4" t="s">
        <v>574</v>
      </c>
      <c r="C165" s="3" t="s">
        <v>575</v>
      </c>
      <c r="D165" s="5" t="s">
        <v>225</v>
      </c>
      <c r="E165" s="3" t="s">
        <v>193</v>
      </c>
      <c r="F165" s="3" t="s">
        <v>681</v>
      </c>
      <c r="G165" s="3" t="s">
        <v>89</v>
      </c>
      <c r="H165" s="3" t="s">
        <v>64</v>
      </c>
      <c r="I165" s="3" t="s">
        <v>37</v>
      </c>
      <c r="J165" s="3" t="s">
        <v>682</v>
      </c>
      <c r="K165" s="3" t="s">
        <v>32</v>
      </c>
      <c r="L165" s="3" t="s">
        <v>115</v>
      </c>
      <c r="M165" s="3" t="s">
        <v>66</v>
      </c>
      <c r="N165" s="3" t="s">
        <v>67</v>
      </c>
      <c r="O165" s="3" t="s">
        <v>36</v>
      </c>
      <c r="P165" s="3" t="s">
        <v>53</v>
      </c>
      <c r="Q165" s="3" t="s">
        <v>37</v>
      </c>
      <c r="R165" s="3" t="s">
        <v>38</v>
      </c>
      <c r="S165" s="3" t="s">
        <v>683</v>
      </c>
      <c r="T165" s="3" t="s">
        <v>37</v>
      </c>
      <c r="U165" s="3" t="s">
        <v>37</v>
      </c>
      <c r="V165" s="3" t="s">
        <v>37</v>
      </c>
    </row>
    <row r="166" spans="1:22" x14ac:dyDescent="0.25">
      <c r="A166" s="3" t="s">
        <v>22</v>
      </c>
      <c r="B166" s="4" t="s">
        <v>574</v>
      </c>
      <c r="C166" s="3" t="s">
        <v>575</v>
      </c>
      <c r="D166" s="5" t="s">
        <v>231</v>
      </c>
      <c r="E166" s="3" t="s">
        <v>193</v>
      </c>
      <c r="F166" s="3" t="s">
        <v>684</v>
      </c>
      <c r="G166" s="3" t="s">
        <v>213</v>
      </c>
      <c r="H166" s="3" t="s">
        <v>64</v>
      </c>
      <c r="I166" s="3" t="s">
        <v>37</v>
      </c>
      <c r="J166" s="3" t="s">
        <v>685</v>
      </c>
      <c r="K166" s="3" t="s">
        <v>32</v>
      </c>
      <c r="L166" s="3" t="s">
        <v>115</v>
      </c>
      <c r="M166" s="3" t="s">
        <v>66</v>
      </c>
      <c r="N166" s="3" t="s">
        <v>67</v>
      </c>
      <c r="O166" s="3" t="s">
        <v>36</v>
      </c>
      <c r="P166" s="3" t="s">
        <v>53</v>
      </c>
      <c r="Q166" s="3" t="s">
        <v>37</v>
      </c>
      <c r="R166" s="3" t="s">
        <v>38</v>
      </c>
      <c r="S166" s="3" t="s">
        <v>686</v>
      </c>
      <c r="T166" s="3" t="s">
        <v>37</v>
      </c>
      <c r="U166" s="3" t="s">
        <v>37</v>
      </c>
      <c r="V166" s="3" t="s">
        <v>37</v>
      </c>
    </row>
    <row r="167" spans="1:22" x14ac:dyDescent="0.25">
      <c r="A167" s="3" t="s">
        <v>22</v>
      </c>
      <c r="B167" s="4" t="s">
        <v>574</v>
      </c>
      <c r="C167" s="3" t="s">
        <v>575</v>
      </c>
      <c r="D167" s="5" t="s">
        <v>236</v>
      </c>
      <c r="E167" s="3" t="s">
        <v>565</v>
      </c>
      <c r="F167" s="3" t="s">
        <v>687</v>
      </c>
      <c r="G167" s="3" t="s">
        <v>688</v>
      </c>
      <c r="H167" s="3" t="s">
        <v>64</v>
      </c>
      <c r="I167" s="3" t="s">
        <v>689</v>
      </c>
      <c r="J167" s="3" t="s">
        <v>690</v>
      </c>
      <c r="K167" s="3" t="s">
        <v>32</v>
      </c>
      <c r="L167" s="3" t="s">
        <v>115</v>
      </c>
      <c r="M167" s="3" t="s">
        <v>570</v>
      </c>
      <c r="N167" s="3" t="s">
        <v>571</v>
      </c>
      <c r="O167" s="3" t="s">
        <v>691</v>
      </c>
      <c r="P167" s="3" t="s">
        <v>53</v>
      </c>
      <c r="Q167" s="3" t="s">
        <v>72</v>
      </c>
      <c r="R167" s="3" t="s">
        <v>38</v>
      </c>
      <c r="S167" s="3" t="s">
        <v>692</v>
      </c>
      <c r="T167" s="3" t="s">
        <v>37</v>
      </c>
      <c r="U167" s="3" t="s">
        <v>37</v>
      </c>
      <c r="V167" s="3" t="s">
        <v>37</v>
      </c>
    </row>
    <row r="168" spans="1:22" x14ac:dyDescent="0.25">
      <c r="A168" s="3"/>
      <c r="B168" s="4"/>
      <c r="C168" s="3"/>
      <c r="D168" s="5"/>
      <c r="E168" s="6" t="s">
        <v>246</v>
      </c>
      <c r="F168" s="3"/>
      <c r="G168" s="3"/>
      <c r="H168" s="3"/>
      <c r="I168" s="3"/>
      <c r="J168" s="3"/>
      <c r="K168" s="3"/>
      <c r="L168" s="3"/>
      <c r="M168" s="3"/>
      <c r="N168" s="3"/>
      <c r="O168" s="3"/>
      <c r="P168" s="3"/>
      <c r="Q168" s="3"/>
      <c r="R168" s="3"/>
      <c r="S168" s="3"/>
      <c r="T168" s="3"/>
      <c r="U168" s="3"/>
      <c r="V168" s="3"/>
    </row>
    <row r="169" spans="1:22" x14ac:dyDescent="0.25">
      <c r="A169" s="3"/>
      <c r="B169" s="4"/>
      <c r="C169" s="3"/>
      <c r="D169" s="5"/>
      <c r="E169" s="3"/>
      <c r="F169" s="3"/>
      <c r="G169" s="3"/>
      <c r="H169" s="3"/>
      <c r="I169" s="3"/>
      <c r="J169" s="3"/>
      <c r="K169" s="3"/>
      <c r="L169" s="3"/>
      <c r="M169" s="3"/>
      <c r="N169" s="3"/>
      <c r="O169" s="3"/>
      <c r="P169" s="3"/>
      <c r="Q169" s="3"/>
      <c r="R169" s="3"/>
      <c r="S169" s="3"/>
      <c r="T169" s="3"/>
      <c r="U169" s="3"/>
      <c r="V169" s="3"/>
    </row>
    <row r="170" spans="1:22" x14ac:dyDescent="0.25">
      <c r="A170" s="3" t="s">
        <v>22</v>
      </c>
      <c r="B170" s="4" t="s">
        <v>693</v>
      </c>
      <c r="C170" s="3" t="s">
        <v>694</v>
      </c>
      <c r="D170" s="5" t="s">
        <v>25</v>
      </c>
      <c r="E170" s="3" t="s">
        <v>46</v>
      </c>
      <c r="F170" s="3" t="s">
        <v>311</v>
      </c>
      <c r="G170" s="3" t="s">
        <v>200</v>
      </c>
      <c r="H170" s="3" t="s">
        <v>29</v>
      </c>
      <c r="I170" s="3" t="s">
        <v>49</v>
      </c>
      <c r="J170" s="3" t="s">
        <v>312</v>
      </c>
      <c r="K170" s="3" t="s">
        <v>32</v>
      </c>
      <c r="L170" s="3" t="s">
        <v>33</v>
      </c>
      <c r="M170" s="3" t="s">
        <v>34</v>
      </c>
      <c r="N170" s="3" t="s">
        <v>51</v>
      </c>
      <c r="O170" s="3" t="s">
        <v>52</v>
      </c>
      <c r="P170" s="3" t="s">
        <v>53</v>
      </c>
      <c r="Q170" s="3" t="s">
        <v>37</v>
      </c>
      <c r="R170" s="3" t="s">
        <v>38</v>
      </c>
      <c r="S170" s="3" t="s">
        <v>313</v>
      </c>
      <c r="T170" s="3" t="s">
        <v>37</v>
      </c>
      <c r="U170" s="3" t="s">
        <v>37</v>
      </c>
      <c r="V170" s="3" t="s">
        <v>37</v>
      </c>
    </row>
    <row r="171" spans="1:22" x14ac:dyDescent="0.25">
      <c r="A171" s="3" t="s">
        <v>22</v>
      </c>
      <c r="B171" s="4" t="s">
        <v>693</v>
      </c>
      <c r="C171" s="3" t="s">
        <v>694</v>
      </c>
      <c r="D171" s="5" t="s">
        <v>40</v>
      </c>
      <c r="E171" s="3" t="s">
        <v>46</v>
      </c>
      <c r="F171" s="3" t="s">
        <v>425</v>
      </c>
      <c r="G171" s="3" t="s">
        <v>426</v>
      </c>
      <c r="H171" s="3" t="s">
        <v>29</v>
      </c>
      <c r="I171" s="3" t="s">
        <v>49</v>
      </c>
      <c r="J171" s="3" t="s">
        <v>427</v>
      </c>
      <c r="K171" s="3" t="s">
        <v>32</v>
      </c>
      <c r="L171" s="3" t="s">
        <v>33</v>
      </c>
      <c r="M171" s="3" t="s">
        <v>34</v>
      </c>
      <c r="N171" s="3" t="s">
        <v>51</v>
      </c>
      <c r="O171" s="3" t="s">
        <v>80</v>
      </c>
      <c r="P171" s="3" t="s">
        <v>53</v>
      </c>
      <c r="Q171" s="3" t="s">
        <v>37</v>
      </c>
      <c r="R171" s="3" t="s">
        <v>38</v>
      </c>
      <c r="S171" s="3" t="s">
        <v>428</v>
      </c>
      <c r="T171" s="3" t="s">
        <v>37</v>
      </c>
      <c r="U171" s="3" t="s">
        <v>37</v>
      </c>
      <c r="V171" s="3" t="s">
        <v>37</v>
      </c>
    </row>
    <row r="172" spans="1:22" x14ac:dyDescent="0.25">
      <c r="A172" s="3" t="s">
        <v>22</v>
      </c>
      <c r="B172" s="4" t="s">
        <v>693</v>
      </c>
      <c r="C172" s="3" t="s">
        <v>694</v>
      </c>
      <c r="D172" s="5" t="s">
        <v>695</v>
      </c>
      <c r="E172" s="3" t="s">
        <v>46</v>
      </c>
      <c r="F172" s="3" t="s">
        <v>429</v>
      </c>
      <c r="G172" s="3" t="s">
        <v>430</v>
      </c>
      <c r="H172" s="3" t="s">
        <v>29</v>
      </c>
      <c r="I172" s="3" t="s">
        <v>49</v>
      </c>
      <c r="J172" s="3" t="s">
        <v>431</v>
      </c>
      <c r="K172" s="3" t="s">
        <v>32</v>
      </c>
      <c r="L172" s="3" t="s">
        <v>33</v>
      </c>
      <c r="M172" s="3" t="s">
        <v>34</v>
      </c>
      <c r="N172" s="3" t="s">
        <v>51</v>
      </c>
      <c r="O172" s="3" t="s">
        <v>52</v>
      </c>
      <c r="P172" s="3" t="s">
        <v>53</v>
      </c>
      <c r="Q172" s="3" t="s">
        <v>37</v>
      </c>
      <c r="R172" s="3" t="s">
        <v>38</v>
      </c>
      <c r="S172" s="3" t="s">
        <v>432</v>
      </c>
      <c r="T172" s="3" t="s">
        <v>37</v>
      </c>
      <c r="U172" s="3" t="s">
        <v>37</v>
      </c>
      <c r="V172" s="3" t="s">
        <v>37</v>
      </c>
    </row>
    <row r="173" spans="1:22" x14ac:dyDescent="0.25">
      <c r="A173" s="3" t="s">
        <v>22</v>
      </c>
      <c r="B173" s="4" t="s">
        <v>693</v>
      </c>
      <c r="C173" s="3" t="s">
        <v>694</v>
      </c>
      <c r="D173" s="5" t="s">
        <v>696</v>
      </c>
      <c r="E173" s="3" t="s">
        <v>46</v>
      </c>
      <c r="F173" s="3" t="s">
        <v>697</v>
      </c>
      <c r="G173" s="3" t="s">
        <v>233</v>
      </c>
      <c r="H173" s="3" t="s">
        <v>29</v>
      </c>
      <c r="I173" s="3" t="s">
        <v>49</v>
      </c>
      <c r="J173" s="3" t="s">
        <v>698</v>
      </c>
      <c r="K173" s="3" t="s">
        <v>32</v>
      </c>
      <c r="L173" s="3" t="s">
        <v>37</v>
      </c>
      <c r="M173" s="3" t="s">
        <v>34</v>
      </c>
      <c r="N173" s="3" t="s">
        <v>51</v>
      </c>
      <c r="O173" s="3" t="s">
        <v>52</v>
      </c>
      <c r="P173" s="3" t="s">
        <v>53</v>
      </c>
      <c r="Q173" s="3" t="s">
        <v>37</v>
      </c>
      <c r="R173" s="3" t="s">
        <v>38</v>
      </c>
      <c r="S173" s="3" t="s">
        <v>699</v>
      </c>
      <c r="T173" s="3" t="s">
        <v>37</v>
      </c>
      <c r="U173" s="3" t="s">
        <v>37</v>
      </c>
      <c r="V173" s="3" t="s">
        <v>37</v>
      </c>
    </row>
    <row r="174" spans="1:22" x14ac:dyDescent="0.25">
      <c r="A174" s="3" t="s">
        <v>22</v>
      </c>
      <c r="B174" s="4" t="s">
        <v>693</v>
      </c>
      <c r="C174" s="3" t="s">
        <v>694</v>
      </c>
      <c r="D174" s="5" t="s">
        <v>60</v>
      </c>
      <c r="E174" s="3" t="s">
        <v>417</v>
      </c>
      <c r="F174" s="3" t="s">
        <v>700</v>
      </c>
      <c r="G174" s="3" t="s">
        <v>28</v>
      </c>
      <c r="H174" s="3" t="s">
        <v>29</v>
      </c>
      <c r="I174" s="3" t="s">
        <v>37</v>
      </c>
      <c r="J174" s="3" t="s">
        <v>701</v>
      </c>
      <c r="K174" s="3" t="s">
        <v>32</v>
      </c>
      <c r="L174" s="3" t="s">
        <v>33</v>
      </c>
      <c r="M174" s="3" t="s">
        <v>66</v>
      </c>
      <c r="N174" s="3" t="s">
        <v>79</v>
      </c>
      <c r="O174" s="3" t="s">
        <v>52</v>
      </c>
      <c r="P174" s="3" t="s">
        <v>37</v>
      </c>
      <c r="Q174" s="3" t="s">
        <v>37</v>
      </c>
      <c r="R174" s="3" t="s">
        <v>38</v>
      </c>
      <c r="S174" s="3" t="s">
        <v>702</v>
      </c>
      <c r="T174" s="3" t="s">
        <v>37</v>
      </c>
      <c r="U174" s="3" t="s">
        <v>37</v>
      </c>
      <c r="V174" s="3" t="s">
        <v>37</v>
      </c>
    </row>
    <row r="175" spans="1:22" x14ac:dyDescent="0.25">
      <c r="A175" s="3" t="s">
        <v>22</v>
      </c>
      <c r="B175" s="4" t="s">
        <v>693</v>
      </c>
      <c r="C175" s="3" t="s">
        <v>694</v>
      </c>
      <c r="D175" s="5" t="s">
        <v>69</v>
      </c>
      <c r="E175" s="3" t="s">
        <v>417</v>
      </c>
      <c r="F175" s="3" t="s">
        <v>703</v>
      </c>
      <c r="G175" s="3" t="s">
        <v>42</v>
      </c>
      <c r="H175" s="3" t="s">
        <v>29</v>
      </c>
      <c r="I175" s="3" t="s">
        <v>37</v>
      </c>
      <c r="J175" s="3" t="s">
        <v>704</v>
      </c>
      <c r="K175" s="3" t="s">
        <v>32</v>
      </c>
      <c r="L175" s="3" t="s">
        <v>33</v>
      </c>
      <c r="M175" s="3" t="s">
        <v>66</v>
      </c>
      <c r="N175" s="3" t="s">
        <v>79</v>
      </c>
      <c r="O175" s="3" t="s">
        <v>52</v>
      </c>
      <c r="P175" s="3" t="s">
        <v>37</v>
      </c>
      <c r="Q175" s="3" t="s">
        <v>37</v>
      </c>
      <c r="R175" s="3" t="s">
        <v>38</v>
      </c>
      <c r="S175" s="3" t="s">
        <v>705</v>
      </c>
      <c r="T175" s="3" t="s">
        <v>37</v>
      </c>
      <c r="U175" s="3" t="s">
        <v>37</v>
      </c>
      <c r="V175" s="3" t="s">
        <v>37</v>
      </c>
    </row>
    <row r="176" spans="1:22" x14ac:dyDescent="0.25">
      <c r="A176" s="3" t="s">
        <v>22</v>
      </c>
      <c r="B176" s="4" t="s">
        <v>693</v>
      </c>
      <c r="C176" s="3" t="s">
        <v>694</v>
      </c>
      <c r="D176" s="5" t="s">
        <v>440</v>
      </c>
      <c r="E176" s="3" t="s">
        <v>417</v>
      </c>
      <c r="F176" s="3" t="s">
        <v>706</v>
      </c>
      <c r="G176" s="3" t="s">
        <v>132</v>
      </c>
      <c r="H176" s="3" t="s">
        <v>29</v>
      </c>
      <c r="I176" s="3" t="s">
        <v>37</v>
      </c>
      <c r="J176" s="3" t="s">
        <v>707</v>
      </c>
      <c r="K176" s="3" t="s">
        <v>32</v>
      </c>
      <c r="L176" s="3" t="s">
        <v>33</v>
      </c>
      <c r="M176" s="3" t="s">
        <v>66</v>
      </c>
      <c r="N176" s="3" t="s">
        <v>79</v>
      </c>
      <c r="O176" s="3" t="s">
        <v>36</v>
      </c>
      <c r="P176" s="3" t="s">
        <v>37</v>
      </c>
      <c r="Q176" s="3" t="s">
        <v>37</v>
      </c>
      <c r="R176" s="3" t="s">
        <v>38</v>
      </c>
      <c r="S176" s="3" t="s">
        <v>708</v>
      </c>
      <c r="T176" s="3" t="s">
        <v>37</v>
      </c>
      <c r="U176" s="3" t="s">
        <v>37</v>
      </c>
      <c r="V176" s="3" t="s">
        <v>37</v>
      </c>
    </row>
    <row r="177" spans="1:22" x14ac:dyDescent="0.25">
      <c r="A177" s="3" t="s">
        <v>22</v>
      </c>
      <c r="B177" s="4" t="s">
        <v>693</v>
      </c>
      <c r="C177" s="3" t="s">
        <v>694</v>
      </c>
      <c r="D177" s="5" t="s">
        <v>709</v>
      </c>
      <c r="E177" s="3" t="s">
        <v>417</v>
      </c>
      <c r="F177" s="3" t="s">
        <v>710</v>
      </c>
      <c r="G177" s="3" t="s">
        <v>137</v>
      </c>
      <c r="H177" s="3" t="s">
        <v>29</v>
      </c>
      <c r="I177" s="3" t="s">
        <v>37</v>
      </c>
      <c r="J177" s="3" t="s">
        <v>711</v>
      </c>
      <c r="K177" s="3" t="s">
        <v>32</v>
      </c>
      <c r="L177" s="3" t="s">
        <v>33</v>
      </c>
      <c r="M177" s="3" t="s">
        <v>66</v>
      </c>
      <c r="N177" s="3" t="s">
        <v>79</v>
      </c>
      <c r="O177" s="3" t="s">
        <v>52</v>
      </c>
      <c r="P177" s="3" t="s">
        <v>37</v>
      </c>
      <c r="Q177" s="3" t="s">
        <v>37</v>
      </c>
      <c r="R177" s="3" t="s">
        <v>38</v>
      </c>
      <c r="S177" s="3" t="s">
        <v>712</v>
      </c>
      <c r="T177" s="3" t="s">
        <v>37</v>
      </c>
      <c r="U177" s="3" t="s">
        <v>37</v>
      </c>
      <c r="V177" s="3" t="s">
        <v>37</v>
      </c>
    </row>
    <row r="178" spans="1:22" x14ac:dyDescent="0.25">
      <c r="A178" s="3" t="s">
        <v>22</v>
      </c>
      <c r="B178" s="4" t="s">
        <v>693</v>
      </c>
      <c r="C178" s="3" t="s">
        <v>694</v>
      </c>
      <c r="D178" s="5" t="s">
        <v>713</v>
      </c>
      <c r="E178" s="3" t="s">
        <v>714</v>
      </c>
      <c r="F178" s="3" t="s">
        <v>37</v>
      </c>
      <c r="G178" s="3" t="s">
        <v>37</v>
      </c>
      <c r="H178" s="3" t="s">
        <v>37</v>
      </c>
      <c r="I178" s="3" t="s">
        <v>715</v>
      </c>
      <c r="J178" s="3" t="s">
        <v>716</v>
      </c>
      <c r="K178" s="3" t="s">
        <v>717</v>
      </c>
      <c r="L178" s="3" t="s">
        <v>115</v>
      </c>
      <c r="M178" s="3" t="s">
        <v>34</v>
      </c>
      <c r="N178" s="3" t="s">
        <v>718</v>
      </c>
      <c r="O178" s="3" t="s">
        <v>986</v>
      </c>
      <c r="P178" s="3" t="s">
        <v>37</v>
      </c>
      <c r="Q178" s="3" t="s">
        <v>37</v>
      </c>
      <c r="R178" s="3" t="s">
        <v>38</v>
      </c>
      <c r="S178" s="3" t="s">
        <v>719</v>
      </c>
      <c r="T178" s="3" t="s">
        <v>37</v>
      </c>
      <c r="U178" s="3" t="s">
        <v>37</v>
      </c>
      <c r="V178" s="3" t="s">
        <v>37</v>
      </c>
    </row>
    <row r="179" spans="1:22" x14ac:dyDescent="0.25">
      <c r="A179" s="3" t="s">
        <v>22</v>
      </c>
      <c r="B179" s="4" t="s">
        <v>693</v>
      </c>
      <c r="C179" s="3" t="s">
        <v>694</v>
      </c>
      <c r="D179" s="5" t="s">
        <v>305</v>
      </c>
      <c r="E179" s="3" t="s">
        <v>46</v>
      </c>
      <c r="F179" s="3" t="s">
        <v>720</v>
      </c>
      <c r="G179" s="3" t="s">
        <v>348</v>
      </c>
      <c r="H179" s="3" t="s">
        <v>77</v>
      </c>
      <c r="I179" s="3" t="s">
        <v>49</v>
      </c>
      <c r="J179" s="3" t="s">
        <v>721</v>
      </c>
      <c r="K179" s="3" t="s">
        <v>32</v>
      </c>
      <c r="L179" s="3" t="s">
        <v>33</v>
      </c>
      <c r="M179" s="3" t="s">
        <v>34</v>
      </c>
      <c r="N179" s="3" t="s">
        <v>67</v>
      </c>
      <c r="O179" s="3" t="s">
        <v>52</v>
      </c>
      <c r="P179" s="3" t="s">
        <v>53</v>
      </c>
      <c r="Q179" s="3" t="s">
        <v>37</v>
      </c>
      <c r="R179" s="3" t="s">
        <v>38</v>
      </c>
      <c r="S179" s="3" t="s">
        <v>722</v>
      </c>
      <c r="T179" s="3" t="s">
        <v>37</v>
      </c>
      <c r="U179" s="3" t="s">
        <v>37</v>
      </c>
      <c r="V179" s="3" t="s">
        <v>37</v>
      </c>
    </row>
    <row r="180" spans="1:22" x14ac:dyDescent="0.25">
      <c r="A180" s="3" t="s">
        <v>22</v>
      </c>
      <c r="B180" s="4" t="s">
        <v>693</v>
      </c>
      <c r="C180" s="3" t="s">
        <v>694</v>
      </c>
      <c r="D180" s="5" t="s">
        <v>310</v>
      </c>
      <c r="E180" s="3" t="s">
        <v>61</v>
      </c>
      <c r="F180" s="3" t="s">
        <v>723</v>
      </c>
      <c r="G180" s="3" t="s">
        <v>315</v>
      </c>
      <c r="H180" s="3" t="s">
        <v>64</v>
      </c>
      <c r="I180" s="3" t="s">
        <v>37</v>
      </c>
      <c r="J180" s="3" t="s">
        <v>724</v>
      </c>
      <c r="K180" s="3" t="s">
        <v>32</v>
      </c>
      <c r="L180" s="3" t="s">
        <v>33</v>
      </c>
      <c r="M180" s="3" t="s">
        <v>66</v>
      </c>
      <c r="N180" s="3" t="s">
        <v>67</v>
      </c>
      <c r="O180" s="3" t="s">
        <v>150</v>
      </c>
      <c r="P180" s="3" t="s">
        <v>53</v>
      </c>
      <c r="Q180" s="3" t="s">
        <v>37</v>
      </c>
      <c r="R180" s="3" t="s">
        <v>38</v>
      </c>
      <c r="S180" s="3" t="s">
        <v>725</v>
      </c>
      <c r="T180" s="3" t="s">
        <v>37</v>
      </c>
      <c r="U180" s="3" t="s">
        <v>37</v>
      </c>
      <c r="V180" s="3" t="s">
        <v>37</v>
      </c>
    </row>
    <row r="181" spans="1:22" x14ac:dyDescent="0.25">
      <c r="A181" s="3" t="s">
        <v>22</v>
      </c>
      <c r="B181" s="4" t="s">
        <v>693</v>
      </c>
      <c r="C181" s="3" t="s">
        <v>694</v>
      </c>
      <c r="D181" s="5" t="s">
        <v>726</v>
      </c>
      <c r="E181" s="3" t="s">
        <v>61</v>
      </c>
      <c r="F181" s="3" t="s">
        <v>727</v>
      </c>
      <c r="G181" s="3" t="s">
        <v>64</v>
      </c>
      <c r="H181" s="3" t="s">
        <v>64</v>
      </c>
      <c r="I181" s="3" t="s">
        <v>37</v>
      </c>
      <c r="J181" s="3" t="s">
        <v>728</v>
      </c>
      <c r="K181" s="3" t="s">
        <v>32</v>
      </c>
      <c r="L181" s="3" t="s">
        <v>33</v>
      </c>
      <c r="M181" s="3" t="s">
        <v>66</v>
      </c>
      <c r="N181" s="3" t="s">
        <v>67</v>
      </c>
      <c r="O181" s="3" t="s">
        <v>52</v>
      </c>
      <c r="P181" s="3" t="s">
        <v>53</v>
      </c>
      <c r="Q181" s="3" t="s">
        <v>37</v>
      </c>
      <c r="R181" s="3" t="s">
        <v>38</v>
      </c>
      <c r="S181" s="3" t="s">
        <v>729</v>
      </c>
      <c r="T181" s="3" t="s">
        <v>37</v>
      </c>
      <c r="U181" s="3" t="s">
        <v>37</v>
      </c>
      <c r="V181" s="3" t="s">
        <v>37</v>
      </c>
    </row>
    <row r="182" spans="1:22" x14ac:dyDescent="0.25">
      <c r="A182" s="3" t="s">
        <v>22</v>
      </c>
      <c r="B182" s="4" t="s">
        <v>693</v>
      </c>
      <c r="C182" s="3" t="s">
        <v>694</v>
      </c>
      <c r="D182" s="5" t="s">
        <v>117</v>
      </c>
      <c r="E182" s="3" t="s">
        <v>46</v>
      </c>
      <c r="F182" s="3" t="s">
        <v>730</v>
      </c>
      <c r="G182" s="3" t="s">
        <v>480</v>
      </c>
      <c r="H182" s="3" t="s">
        <v>29</v>
      </c>
      <c r="I182" s="3" t="s">
        <v>49</v>
      </c>
      <c r="J182" s="3" t="s">
        <v>731</v>
      </c>
      <c r="K182" s="3" t="s">
        <v>32</v>
      </c>
      <c r="L182" s="3" t="s">
        <v>33</v>
      </c>
      <c r="M182" s="3" t="s">
        <v>34</v>
      </c>
      <c r="N182" s="3" t="s">
        <v>51</v>
      </c>
      <c r="O182" s="3" t="s">
        <v>52</v>
      </c>
      <c r="P182" s="3" t="s">
        <v>53</v>
      </c>
      <c r="Q182" s="3" t="s">
        <v>37</v>
      </c>
      <c r="R182" s="3" t="s">
        <v>38</v>
      </c>
      <c r="S182" s="3" t="s">
        <v>732</v>
      </c>
      <c r="T182" s="3" t="s">
        <v>37</v>
      </c>
      <c r="U182" s="3" t="s">
        <v>37</v>
      </c>
      <c r="V182" s="3" t="s">
        <v>37</v>
      </c>
    </row>
    <row r="183" spans="1:22" x14ac:dyDescent="0.25">
      <c r="A183" s="3" t="s">
        <v>22</v>
      </c>
      <c r="B183" s="4" t="s">
        <v>693</v>
      </c>
      <c r="C183" s="3" t="s">
        <v>694</v>
      </c>
      <c r="D183" s="5" t="s">
        <v>124</v>
      </c>
      <c r="E183" s="3" t="s">
        <v>46</v>
      </c>
      <c r="F183" s="3" t="s">
        <v>582</v>
      </c>
      <c r="G183" s="3" t="s">
        <v>148</v>
      </c>
      <c r="H183" s="3" t="s">
        <v>77</v>
      </c>
      <c r="I183" s="3" t="s">
        <v>49</v>
      </c>
      <c r="J183" s="3" t="s">
        <v>583</v>
      </c>
      <c r="K183" s="3" t="s">
        <v>32</v>
      </c>
      <c r="L183" s="3" t="s">
        <v>33</v>
      </c>
      <c r="M183" s="3" t="s">
        <v>34</v>
      </c>
      <c r="N183" s="3" t="s">
        <v>67</v>
      </c>
      <c r="O183" s="3" t="s">
        <v>52</v>
      </c>
      <c r="P183" s="3" t="s">
        <v>53</v>
      </c>
      <c r="Q183" s="3" t="s">
        <v>37</v>
      </c>
      <c r="R183" s="3" t="s">
        <v>38</v>
      </c>
      <c r="S183" s="3" t="s">
        <v>584</v>
      </c>
      <c r="T183" s="3" t="s">
        <v>37</v>
      </c>
      <c r="U183" s="3" t="s">
        <v>37</v>
      </c>
      <c r="V183" s="3" t="s">
        <v>37</v>
      </c>
    </row>
    <row r="184" spans="1:22" x14ac:dyDescent="0.25">
      <c r="A184" s="3" t="s">
        <v>22</v>
      </c>
      <c r="B184" s="4" t="s">
        <v>693</v>
      </c>
      <c r="C184" s="3" t="s">
        <v>694</v>
      </c>
      <c r="D184" s="5" t="s">
        <v>733</v>
      </c>
      <c r="E184" s="3" t="s">
        <v>46</v>
      </c>
      <c r="F184" s="3" t="s">
        <v>585</v>
      </c>
      <c r="G184" s="3" t="s">
        <v>143</v>
      </c>
      <c r="H184" s="3" t="s">
        <v>77</v>
      </c>
      <c r="I184" s="3" t="s">
        <v>49</v>
      </c>
      <c r="J184" s="3" t="s">
        <v>586</v>
      </c>
      <c r="K184" s="3" t="s">
        <v>32</v>
      </c>
      <c r="L184" s="3" t="s">
        <v>33</v>
      </c>
      <c r="M184" s="3" t="s">
        <v>34</v>
      </c>
      <c r="N184" s="3" t="s">
        <v>67</v>
      </c>
      <c r="O184" s="3" t="s">
        <v>52</v>
      </c>
      <c r="P184" s="3" t="s">
        <v>53</v>
      </c>
      <c r="Q184" s="3" t="s">
        <v>37</v>
      </c>
      <c r="R184" s="3" t="s">
        <v>38</v>
      </c>
      <c r="S184" s="3" t="s">
        <v>587</v>
      </c>
      <c r="T184" s="3" t="s">
        <v>37</v>
      </c>
      <c r="U184" s="3" t="s">
        <v>37</v>
      </c>
      <c r="V184" s="3" t="s">
        <v>37</v>
      </c>
    </row>
    <row r="185" spans="1:22" x14ac:dyDescent="0.25">
      <c r="A185" s="3" t="s">
        <v>22</v>
      </c>
      <c r="B185" s="4" t="s">
        <v>693</v>
      </c>
      <c r="C185" s="3" t="s">
        <v>694</v>
      </c>
      <c r="D185" s="5" t="s">
        <v>734</v>
      </c>
      <c r="E185" s="3" t="s">
        <v>141</v>
      </c>
      <c r="F185" s="3" t="s">
        <v>735</v>
      </c>
      <c r="G185" s="3" t="s">
        <v>179</v>
      </c>
      <c r="H185" s="3" t="s">
        <v>77</v>
      </c>
      <c r="I185" s="3" t="s">
        <v>37</v>
      </c>
      <c r="J185" s="3" t="s">
        <v>736</v>
      </c>
      <c r="K185" s="3" t="s">
        <v>32</v>
      </c>
      <c r="L185" s="3" t="s">
        <v>33</v>
      </c>
      <c r="M185" s="3" t="s">
        <v>66</v>
      </c>
      <c r="N185" s="3" t="s">
        <v>79</v>
      </c>
      <c r="O185" s="3" t="s">
        <v>52</v>
      </c>
      <c r="P185" s="3" t="s">
        <v>37</v>
      </c>
      <c r="Q185" s="3" t="s">
        <v>37</v>
      </c>
      <c r="R185" s="3" t="s">
        <v>38</v>
      </c>
      <c r="S185" s="3" t="s">
        <v>737</v>
      </c>
      <c r="T185" s="3" t="s">
        <v>129</v>
      </c>
      <c r="U185" s="3" t="s">
        <v>37</v>
      </c>
      <c r="V185" s="3" t="s">
        <v>37</v>
      </c>
    </row>
    <row r="186" spans="1:22" x14ac:dyDescent="0.25">
      <c r="A186" s="3" t="s">
        <v>22</v>
      </c>
      <c r="B186" s="4" t="s">
        <v>693</v>
      </c>
      <c r="C186" s="3" t="s">
        <v>694</v>
      </c>
      <c r="D186" s="5" t="s">
        <v>738</v>
      </c>
      <c r="E186" s="3" t="s">
        <v>141</v>
      </c>
      <c r="F186" s="3" t="s">
        <v>739</v>
      </c>
      <c r="G186" s="3" t="s">
        <v>344</v>
      </c>
      <c r="H186" s="3" t="s">
        <v>77</v>
      </c>
      <c r="I186" s="3" t="s">
        <v>37</v>
      </c>
      <c r="J186" s="3" t="s">
        <v>740</v>
      </c>
      <c r="K186" s="3" t="s">
        <v>32</v>
      </c>
      <c r="L186" s="3" t="s">
        <v>33</v>
      </c>
      <c r="M186" s="3" t="s">
        <v>66</v>
      </c>
      <c r="N186" s="3" t="s">
        <v>79</v>
      </c>
      <c r="O186" s="3" t="s">
        <v>52</v>
      </c>
      <c r="P186" s="3" t="s">
        <v>37</v>
      </c>
      <c r="Q186" s="3" t="s">
        <v>37</v>
      </c>
      <c r="R186" s="3" t="s">
        <v>38</v>
      </c>
      <c r="S186" s="3" t="s">
        <v>741</v>
      </c>
      <c r="T186" s="3" t="s">
        <v>129</v>
      </c>
      <c r="U186" s="3" t="s">
        <v>37</v>
      </c>
      <c r="V186" s="3" t="s">
        <v>37</v>
      </c>
    </row>
    <row r="187" spans="1:22" x14ac:dyDescent="0.25">
      <c r="A187" s="3" t="s">
        <v>22</v>
      </c>
      <c r="B187" s="4" t="s">
        <v>693</v>
      </c>
      <c r="C187" s="3" t="s">
        <v>694</v>
      </c>
      <c r="D187" s="5" t="s">
        <v>742</v>
      </c>
      <c r="E187" s="3" t="s">
        <v>141</v>
      </c>
      <c r="F187" s="3" t="s">
        <v>331</v>
      </c>
      <c r="G187" s="3" t="s">
        <v>132</v>
      </c>
      <c r="H187" s="3" t="s">
        <v>29</v>
      </c>
      <c r="I187" s="3" t="s">
        <v>743</v>
      </c>
      <c r="J187" s="3" t="s">
        <v>332</v>
      </c>
      <c r="K187" s="3" t="s">
        <v>32</v>
      </c>
      <c r="L187" s="3" t="s">
        <v>33</v>
      </c>
      <c r="M187" s="3" t="s">
        <v>66</v>
      </c>
      <c r="N187" s="3" t="s">
        <v>67</v>
      </c>
      <c r="O187" s="3" t="s">
        <v>52</v>
      </c>
      <c r="P187" s="3" t="s">
        <v>53</v>
      </c>
      <c r="Q187" s="3" t="s">
        <v>37</v>
      </c>
      <c r="R187" s="3" t="s">
        <v>38</v>
      </c>
      <c r="S187" s="3" t="s">
        <v>333</v>
      </c>
      <c r="T187" s="3" t="s">
        <v>37</v>
      </c>
      <c r="U187" s="3" t="s">
        <v>37</v>
      </c>
      <c r="V187" s="3" t="s">
        <v>37</v>
      </c>
    </row>
    <row r="188" spans="1:22" x14ac:dyDescent="0.25">
      <c r="A188" s="3" t="s">
        <v>22</v>
      </c>
      <c r="B188" s="4" t="s">
        <v>693</v>
      </c>
      <c r="C188" s="3" t="s">
        <v>694</v>
      </c>
      <c r="D188" s="5" t="s">
        <v>163</v>
      </c>
      <c r="E188" s="3" t="s">
        <v>46</v>
      </c>
      <c r="F188" s="3" t="s">
        <v>744</v>
      </c>
      <c r="G188" s="3" t="s">
        <v>179</v>
      </c>
      <c r="H188" s="3" t="s">
        <v>77</v>
      </c>
      <c r="I188" s="3" t="s">
        <v>49</v>
      </c>
      <c r="J188" s="3" t="s">
        <v>745</v>
      </c>
      <c r="K188" s="3" t="s">
        <v>32</v>
      </c>
      <c r="L188" s="3" t="s">
        <v>33</v>
      </c>
      <c r="M188" s="3" t="s">
        <v>34</v>
      </c>
      <c r="N188" s="3" t="s">
        <v>67</v>
      </c>
      <c r="O188" s="3" t="s">
        <v>52</v>
      </c>
      <c r="P188" s="3" t="s">
        <v>53</v>
      </c>
      <c r="Q188" s="3" t="s">
        <v>37</v>
      </c>
      <c r="R188" s="3" t="s">
        <v>38</v>
      </c>
      <c r="S188" s="3" t="s">
        <v>746</v>
      </c>
      <c r="T188" s="3" t="s">
        <v>37</v>
      </c>
      <c r="U188" s="3" t="s">
        <v>37</v>
      </c>
      <c r="V188" s="3" t="s">
        <v>37</v>
      </c>
    </row>
    <row r="189" spans="1:22" x14ac:dyDescent="0.25">
      <c r="A189" s="3" t="s">
        <v>22</v>
      </c>
      <c r="B189" s="4" t="s">
        <v>693</v>
      </c>
      <c r="C189" s="3" t="s">
        <v>694</v>
      </c>
      <c r="D189" s="5" t="s">
        <v>173</v>
      </c>
      <c r="E189" s="3" t="s">
        <v>46</v>
      </c>
      <c r="F189" s="3" t="s">
        <v>747</v>
      </c>
      <c r="G189" s="3" t="s">
        <v>84</v>
      </c>
      <c r="H189" s="3" t="s">
        <v>77</v>
      </c>
      <c r="I189" s="3" t="s">
        <v>49</v>
      </c>
      <c r="J189" s="3" t="s">
        <v>748</v>
      </c>
      <c r="K189" s="3" t="s">
        <v>32</v>
      </c>
      <c r="L189" s="3" t="s">
        <v>33</v>
      </c>
      <c r="M189" s="3" t="s">
        <v>34</v>
      </c>
      <c r="N189" s="3" t="s">
        <v>67</v>
      </c>
      <c r="O189" s="3" t="s">
        <v>52</v>
      </c>
      <c r="P189" s="3" t="s">
        <v>53</v>
      </c>
      <c r="Q189" s="3" t="s">
        <v>37</v>
      </c>
      <c r="R189" s="3" t="s">
        <v>38</v>
      </c>
      <c r="S189" s="3" t="s">
        <v>749</v>
      </c>
      <c r="T189" s="3" t="s">
        <v>37</v>
      </c>
      <c r="U189" s="3" t="s">
        <v>37</v>
      </c>
      <c r="V189" s="3" t="s">
        <v>37</v>
      </c>
    </row>
    <row r="190" spans="1:22" x14ac:dyDescent="0.25">
      <c r="A190" s="3" t="s">
        <v>22</v>
      </c>
      <c r="B190" s="4" t="s">
        <v>693</v>
      </c>
      <c r="C190" s="3" t="s">
        <v>694</v>
      </c>
      <c r="D190" s="5" t="s">
        <v>177</v>
      </c>
      <c r="E190" s="3" t="s">
        <v>46</v>
      </c>
      <c r="F190" s="3" t="s">
        <v>750</v>
      </c>
      <c r="G190" s="3" t="s">
        <v>751</v>
      </c>
      <c r="H190" s="3" t="s">
        <v>77</v>
      </c>
      <c r="I190" s="3" t="s">
        <v>49</v>
      </c>
      <c r="J190" s="3" t="s">
        <v>752</v>
      </c>
      <c r="K190" s="3" t="s">
        <v>32</v>
      </c>
      <c r="L190" s="3" t="s">
        <v>33</v>
      </c>
      <c r="M190" s="3" t="s">
        <v>34</v>
      </c>
      <c r="N190" s="3" t="s">
        <v>67</v>
      </c>
      <c r="O190" s="3" t="s">
        <v>52</v>
      </c>
      <c r="P190" s="3" t="s">
        <v>53</v>
      </c>
      <c r="Q190" s="3" t="s">
        <v>37</v>
      </c>
      <c r="R190" s="3" t="s">
        <v>38</v>
      </c>
      <c r="S190" s="3" t="s">
        <v>753</v>
      </c>
      <c r="T190" s="3" t="s">
        <v>37</v>
      </c>
      <c r="U190" s="3" t="s">
        <v>37</v>
      </c>
      <c r="V190" s="3" t="s">
        <v>37</v>
      </c>
    </row>
    <row r="191" spans="1:22" x14ac:dyDescent="0.25">
      <c r="A191" s="3" t="s">
        <v>22</v>
      </c>
      <c r="B191" s="4" t="s">
        <v>693</v>
      </c>
      <c r="C191" s="3" t="s">
        <v>694</v>
      </c>
      <c r="D191" s="5" t="s">
        <v>182</v>
      </c>
      <c r="E191" s="3" t="s">
        <v>46</v>
      </c>
      <c r="F191" s="3" t="s">
        <v>47</v>
      </c>
      <c r="G191" s="3" t="s">
        <v>48</v>
      </c>
      <c r="H191" s="3" t="s">
        <v>29</v>
      </c>
      <c r="I191" s="3" t="s">
        <v>49</v>
      </c>
      <c r="J191" s="3" t="s">
        <v>50</v>
      </c>
      <c r="K191" s="3" t="s">
        <v>32</v>
      </c>
      <c r="L191" s="3" t="s">
        <v>33</v>
      </c>
      <c r="M191" s="3" t="s">
        <v>34</v>
      </c>
      <c r="N191" s="3" t="s">
        <v>51</v>
      </c>
      <c r="O191" s="3" t="s">
        <v>52</v>
      </c>
      <c r="P191" s="3" t="s">
        <v>53</v>
      </c>
      <c r="Q191" s="3" t="s">
        <v>37</v>
      </c>
      <c r="R191" s="3" t="s">
        <v>38</v>
      </c>
      <c r="S191" s="3" t="s">
        <v>54</v>
      </c>
      <c r="T191" s="3" t="s">
        <v>37</v>
      </c>
      <c r="U191" s="3" t="s">
        <v>37</v>
      </c>
      <c r="V191" s="3" t="s">
        <v>37</v>
      </c>
    </row>
    <row r="192" spans="1:22" x14ac:dyDescent="0.25">
      <c r="A192" s="3" t="s">
        <v>22</v>
      </c>
      <c r="B192" s="4" t="s">
        <v>693</v>
      </c>
      <c r="C192" s="3" t="s">
        <v>694</v>
      </c>
      <c r="D192" s="5" t="s">
        <v>187</v>
      </c>
      <c r="E192" s="3" t="s">
        <v>46</v>
      </c>
      <c r="F192" s="3" t="s">
        <v>496</v>
      </c>
      <c r="G192" s="3" t="s">
        <v>497</v>
      </c>
      <c r="H192" s="3" t="s">
        <v>29</v>
      </c>
      <c r="I192" s="3" t="s">
        <v>49</v>
      </c>
      <c r="J192" s="3" t="s">
        <v>498</v>
      </c>
      <c r="K192" s="3" t="s">
        <v>32</v>
      </c>
      <c r="L192" s="3" t="s">
        <v>33</v>
      </c>
      <c r="M192" s="3" t="s">
        <v>34</v>
      </c>
      <c r="N192" s="3" t="s">
        <v>51</v>
      </c>
      <c r="O192" s="3" t="s">
        <v>52</v>
      </c>
      <c r="P192" s="3" t="s">
        <v>53</v>
      </c>
      <c r="Q192" s="3" t="s">
        <v>37</v>
      </c>
      <c r="R192" s="3" t="s">
        <v>38</v>
      </c>
      <c r="S192" s="3" t="s">
        <v>499</v>
      </c>
      <c r="T192" s="3" t="s">
        <v>37</v>
      </c>
      <c r="U192" s="3" t="s">
        <v>37</v>
      </c>
      <c r="V192" s="3" t="s">
        <v>37</v>
      </c>
    </row>
    <row r="193" spans="1:22" x14ac:dyDescent="0.25">
      <c r="A193" s="3" t="s">
        <v>22</v>
      </c>
      <c r="B193" s="4" t="s">
        <v>693</v>
      </c>
      <c r="C193" s="3" t="s">
        <v>694</v>
      </c>
      <c r="D193" s="5" t="s">
        <v>192</v>
      </c>
      <c r="E193" s="3" t="s">
        <v>46</v>
      </c>
      <c r="F193" s="3" t="s">
        <v>631</v>
      </c>
      <c r="G193" s="3" t="s">
        <v>213</v>
      </c>
      <c r="H193" s="3" t="s">
        <v>64</v>
      </c>
      <c r="I193" s="3" t="s">
        <v>49</v>
      </c>
      <c r="J193" s="3" t="s">
        <v>632</v>
      </c>
      <c r="K193" s="3" t="s">
        <v>32</v>
      </c>
      <c r="L193" s="3" t="s">
        <v>33</v>
      </c>
      <c r="M193" s="3" t="s">
        <v>34</v>
      </c>
      <c r="N193" s="3" t="s">
        <v>35</v>
      </c>
      <c r="O193" s="3" t="s">
        <v>52</v>
      </c>
      <c r="P193" s="3" t="s">
        <v>53</v>
      </c>
      <c r="Q193" s="3" t="s">
        <v>72</v>
      </c>
      <c r="R193" s="3" t="s">
        <v>38</v>
      </c>
      <c r="S193" s="3" t="s">
        <v>633</v>
      </c>
      <c r="T193" s="3" t="s">
        <v>37</v>
      </c>
      <c r="U193" s="3" t="s">
        <v>37</v>
      </c>
      <c r="V193" s="3" t="s">
        <v>37</v>
      </c>
    </row>
    <row r="194" spans="1:22" x14ac:dyDescent="0.25">
      <c r="A194" s="3" t="s">
        <v>22</v>
      </c>
      <c r="B194" s="4" t="s">
        <v>693</v>
      </c>
      <c r="C194" s="3" t="s">
        <v>694</v>
      </c>
      <c r="D194" s="5" t="s">
        <v>198</v>
      </c>
      <c r="E194" s="3" t="s">
        <v>46</v>
      </c>
      <c r="F194" s="3" t="s">
        <v>88</v>
      </c>
      <c r="G194" s="3" t="s">
        <v>89</v>
      </c>
      <c r="H194" s="3" t="s">
        <v>64</v>
      </c>
      <c r="I194" s="3" t="s">
        <v>49</v>
      </c>
      <c r="J194" s="3" t="s">
        <v>90</v>
      </c>
      <c r="K194" s="3" t="s">
        <v>32</v>
      </c>
      <c r="L194" s="3" t="s">
        <v>33</v>
      </c>
      <c r="M194" s="3" t="s">
        <v>34</v>
      </c>
      <c r="N194" s="3" t="s">
        <v>35</v>
      </c>
      <c r="O194" s="3" t="s">
        <v>52</v>
      </c>
      <c r="P194" s="3" t="s">
        <v>53</v>
      </c>
      <c r="Q194" s="3" t="s">
        <v>72</v>
      </c>
      <c r="R194" s="3" t="s">
        <v>38</v>
      </c>
      <c r="S194" s="3" t="s">
        <v>91</v>
      </c>
      <c r="T194" s="3" t="s">
        <v>37</v>
      </c>
      <c r="U194" s="3" t="s">
        <v>37</v>
      </c>
      <c r="V194" s="3" t="s">
        <v>37</v>
      </c>
    </row>
    <row r="195" spans="1:22" x14ac:dyDescent="0.25">
      <c r="A195" s="3" t="s">
        <v>22</v>
      </c>
      <c r="B195" s="4" t="s">
        <v>693</v>
      </c>
      <c r="C195" s="3" t="s">
        <v>694</v>
      </c>
      <c r="D195" s="5" t="s">
        <v>203</v>
      </c>
      <c r="E195" s="3" t="s">
        <v>46</v>
      </c>
      <c r="F195" s="3" t="s">
        <v>93</v>
      </c>
      <c r="G195" s="3" t="s">
        <v>94</v>
      </c>
      <c r="H195" s="3" t="s">
        <v>64</v>
      </c>
      <c r="I195" s="3" t="s">
        <v>49</v>
      </c>
      <c r="J195" s="3" t="s">
        <v>95</v>
      </c>
      <c r="K195" s="3" t="s">
        <v>32</v>
      </c>
      <c r="L195" s="3" t="s">
        <v>33</v>
      </c>
      <c r="M195" s="3" t="s">
        <v>34</v>
      </c>
      <c r="N195" s="3" t="s">
        <v>35</v>
      </c>
      <c r="O195" s="3" t="s">
        <v>52</v>
      </c>
      <c r="P195" s="3" t="s">
        <v>37</v>
      </c>
      <c r="Q195" s="3" t="s">
        <v>37</v>
      </c>
      <c r="R195" s="3" t="s">
        <v>38</v>
      </c>
      <c r="S195" s="3" t="s">
        <v>96</v>
      </c>
      <c r="T195" s="3" t="s">
        <v>37</v>
      </c>
      <c r="U195" s="3" t="s">
        <v>37</v>
      </c>
      <c r="V195" s="3" t="s">
        <v>37</v>
      </c>
    </row>
    <row r="196" spans="1:22" x14ac:dyDescent="0.25">
      <c r="A196" s="3" t="s">
        <v>22</v>
      </c>
      <c r="B196" s="4" t="s">
        <v>693</v>
      </c>
      <c r="C196" s="3" t="s">
        <v>694</v>
      </c>
      <c r="D196" s="5" t="s">
        <v>207</v>
      </c>
      <c r="E196" s="3" t="s">
        <v>74</v>
      </c>
      <c r="F196" s="3" t="s">
        <v>754</v>
      </c>
      <c r="G196" s="3" t="s">
        <v>497</v>
      </c>
      <c r="H196" s="3" t="s">
        <v>77</v>
      </c>
      <c r="I196" s="3" t="s">
        <v>37</v>
      </c>
      <c r="J196" s="3" t="s">
        <v>755</v>
      </c>
      <c r="K196" s="3" t="s">
        <v>32</v>
      </c>
      <c r="L196" s="3" t="s">
        <v>33</v>
      </c>
      <c r="M196" s="3" t="s">
        <v>66</v>
      </c>
      <c r="N196" s="3" t="s">
        <v>79</v>
      </c>
      <c r="O196" s="3" t="s">
        <v>52</v>
      </c>
      <c r="P196" s="3" t="s">
        <v>53</v>
      </c>
      <c r="Q196" s="3" t="s">
        <v>37</v>
      </c>
      <c r="R196" s="3" t="s">
        <v>38</v>
      </c>
      <c r="S196" s="3" t="s">
        <v>756</v>
      </c>
      <c r="T196" s="3" t="s">
        <v>37</v>
      </c>
      <c r="U196" s="3" t="s">
        <v>37</v>
      </c>
      <c r="V196" s="3" t="s">
        <v>37</v>
      </c>
    </row>
    <row r="197" spans="1:22" x14ac:dyDescent="0.25">
      <c r="A197" s="3" t="s">
        <v>22</v>
      </c>
      <c r="B197" s="4" t="s">
        <v>693</v>
      </c>
      <c r="C197" s="3" t="s">
        <v>694</v>
      </c>
      <c r="D197" s="5" t="s">
        <v>370</v>
      </c>
      <c r="E197" s="3" t="s">
        <v>74</v>
      </c>
      <c r="F197" s="3" t="s">
        <v>757</v>
      </c>
      <c r="G197" s="3" t="s">
        <v>148</v>
      </c>
      <c r="H197" s="3" t="s">
        <v>77</v>
      </c>
      <c r="I197" s="3" t="s">
        <v>37</v>
      </c>
      <c r="J197" s="3" t="s">
        <v>758</v>
      </c>
      <c r="K197" s="3" t="s">
        <v>32</v>
      </c>
      <c r="L197" s="3" t="s">
        <v>33</v>
      </c>
      <c r="M197" s="3" t="s">
        <v>66</v>
      </c>
      <c r="N197" s="3" t="s">
        <v>79</v>
      </c>
      <c r="O197" s="3" t="s">
        <v>52</v>
      </c>
      <c r="P197" s="3" t="s">
        <v>53</v>
      </c>
      <c r="Q197" s="3" t="s">
        <v>37</v>
      </c>
      <c r="R197" s="3" t="s">
        <v>38</v>
      </c>
      <c r="S197" s="3" t="s">
        <v>759</v>
      </c>
      <c r="T197" s="3" t="s">
        <v>37</v>
      </c>
      <c r="U197" s="3" t="s">
        <v>37</v>
      </c>
      <c r="V197" s="3" t="s">
        <v>37</v>
      </c>
    </row>
    <row r="198" spans="1:22" x14ac:dyDescent="0.25">
      <c r="A198" s="3" t="s">
        <v>22</v>
      </c>
      <c r="B198" s="4" t="s">
        <v>693</v>
      </c>
      <c r="C198" s="3" t="s">
        <v>694</v>
      </c>
      <c r="D198" s="5" t="s">
        <v>539</v>
      </c>
      <c r="E198" s="3" t="s">
        <v>540</v>
      </c>
      <c r="F198" s="3" t="s">
        <v>760</v>
      </c>
      <c r="G198" s="3" t="s">
        <v>761</v>
      </c>
      <c r="H198" s="3" t="s">
        <v>29</v>
      </c>
      <c r="I198" s="3" t="s">
        <v>670</v>
      </c>
      <c r="J198" s="3" t="s">
        <v>762</v>
      </c>
      <c r="K198" s="3" t="s">
        <v>32</v>
      </c>
      <c r="L198" s="3" t="s">
        <v>37</v>
      </c>
      <c r="M198" s="3" t="s">
        <v>34</v>
      </c>
      <c r="N198" s="3" t="s">
        <v>160</v>
      </c>
      <c r="O198" s="3" t="s">
        <v>80</v>
      </c>
      <c r="P198" s="3" t="s">
        <v>37</v>
      </c>
      <c r="Q198" s="3" t="s">
        <v>37</v>
      </c>
      <c r="R198" s="3" t="s">
        <v>38</v>
      </c>
      <c r="S198" s="3" t="s">
        <v>763</v>
      </c>
      <c r="T198" s="3" t="s">
        <v>37</v>
      </c>
      <c r="U198" s="3" t="s">
        <v>37</v>
      </c>
      <c r="V198" s="3" t="s">
        <v>37</v>
      </c>
    </row>
    <row r="199" spans="1:22" x14ac:dyDescent="0.25">
      <c r="A199" s="3" t="s">
        <v>22</v>
      </c>
      <c r="B199" s="4" t="s">
        <v>693</v>
      </c>
      <c r="C199" s="3" t="s">
        <v>694</v>
      </c>
      <c r="D199" s="5" t="s">
        <v>546</v>
      </c>
      <c r="E199" s="3" t="s">
        <v>540</v>
      </c>
      <c r="F199" s="3" t="s">
        <v>764</v>
      </c>
      <c r="G199" s="3" t="s">
        <v>475</v>
      </c>
      <c r="H199" s="3" t="s">
        <v>29</v>
      </c>
      <c r="I199" s="3" t="s">
        <v>670</v>
      </c>
      <c r="J199" s="3" t="s">
        <v>765</v>
      </c>
      <c r="K199" s="3" t="s">
        <v>32</v>
      </c>
      <c r="L199" s="3" t="s">
        <v>37</v>
      </c>
      <c r="M199" s="3" t="s">
        <v>34</v>
      </c>
      <c r="N199" s="3" t="s">
        <v>160</v>
      </c>
      <c r="O199" s="3" t="s">
        <v>80</v>
      </c>
      <c r="P199" s="3" t="s">
        <v>37</v>
      </c>
      <c r="Q199" s="3" t="s">
        <v>37</v>
      </c>
      <c r="R199" s="3" t="s">
        <v>38</v>
      </c>
      <c r="S199" s="3" t="s">
        <v>766</v>
      </c>
      <c r="T199" s="3" t="s">
        <v>37</v>
      </c>
      <c r="U199" s="3" t="s">
        <v>37</v>
      </c>
      <c r="V199" s="3" t="s">
        <v>37</v>
      </c>
    </row>
    <row r="200" spans="1:22" x14ac:dyDescent="0.25">
      <c r="A200" s="3" t="s">
        <v>22</v>
      </c>
      <c r="B200" s="4" t="s">
        <v>693</v>
      </c>
      <c r="C200" s="3" t="s">
        <v>694</v>
      </c>
      <c r="D200" s="5" t="s">
        <v>216</v>
      </c>
      <c r="E200" s="3" t="s">
        <v>550</v>
      </c>
      <c r="F200" s="3" t="s">
        <v>767</v>
      </c>
      <c r="G200" s="3" t="s">
        <v>288</v>
      </c>
      <c r="H200" s="3" t="s">
        <v>29</v>
      </c>
      <c r="I200" s="3" t="s">
        <v>768</v>
      </c>
      <c r="J200" s="3" t="s">
        <v>769</v>
      </c>
      <c r="K200" s="3" t="s">
        <v>32</v>
      </c>
      <c r="L200" s="3" t="s">
        <v>115</v>
      </c>
      <c r="M200" s="3" t="s">
        <v>66</v>
      </c>
      <c r="N200" s="3" t="s">
        <v>51</v>
      </c>
      <c r="O200" s="3" t="s">
        <v>36</v>
      </c>
      <c r="P200" s="3" t="s">
        <v>37</v>
      </c>
      <c r="Q200" s="3" t="s">
        <v>37</v>
      </c>
      <c r="R200" s="3" t="s">
        <v>38</v>
      </c>
      <c r="S200" s="3" t="s">
        <v>770</v>
      </c>
      <c r="T200" s="3" t="s">
        <v>37</v>
      </c>
      <c r="U200" s="3" t="s">
        <v>37</v>
      </c>
      <c r="V200" s="3" t="s">
        <v>37</v>
      </c>
    </row>
    <row r="201" spans="1:22" x14ac:dyDescent="0.25">
      <c r="A201" s="3" t="s">
        <v>22</v>
      </c>
      <c r="B201" s="4" t="s">
        <v>693</v>
      </c>
      <c r="C201" s="3" t="s">
        <v>694</v>
      </c>
      <c r="D201" s="5" t="s">
        <v>220</v>
      </c>
      <c r="E201" s="3" t="s">
        <v>550</v>
      </c>
      <c r="F201" s="3" t="s">
        <v>771</v>
      </c>
      <c r="G201" s="3" t="s">
        <v>293</v>
      </c>
      <c r="H201" s="3" t="s">
        <v>29</v>
      </c>
      <c r="I201" s="3" t="s">
        <v>772</v>
      </c>
      <c r="J201" s="3" t="s">
        <v>773</v>
      </c>
      <c r="K201" s="3" t="s">
        <v>32</v>
      </c>
      <c r="L201" s="3" t="s">
        <v>115</v>
      </c>
      <c r="M201" s="3" t="s">
        <v>66</v>
      </c>
      <c r="N201" s="3" t="s">
        <v>51</v>
      </c>
      <c r="O201" s="3" t="s">
        <v>150</v>
      </c>
      <c r="P201" s="3" t="s">
        <v>37</v>
      </c>
      <c r="Q201" s="3" t="s">
        <v>37</v>
      </c>
      <c r="R201" s="3" t="s">
        <v>38</v>
      </c>
      <c r="S201" s="3" t="s">
        <v>774</v>
      </c>
      <c r="T201" s="3" t="s">
        <v>37</v>
      </c>
      <c r="U201" s="3" t="s">
        <v>37</v>
      </c>
      <c r="V201" s="3" t="s">
        <v>37</v>
      </c>
    </row>
    <row r="202" spans="1:22" x14ac:dyDescent="0.25">
      <c r="A202" s="3" t="s">
        <v>22</v>
      </c>
      <c r="B202" s="4" t="s">
        <v>693</v>
      </c>
      <c r="C202" s="3" t="s">
        <v>694</v>
      </c>
      <c r="D202" s="5" t="s">
        <v>225</v>
      </c>
      <c r="E202" s="3" t="s">
        <v>193</v>
      </c>
      <c r="F202" s="3" t="s">
        <v>775</v>
      </c>
      <c r="G202" s="3" t="s">
        <v>239</v>
      </c>
      <c r="H202" s="3" t="s">
        <v>64</v>
      </c>
      <c r="I202" s="3" t="s">
        <v>37</v>
      </c>
      <c r="J202" s="3" t="s">
        <v>776</v>
      </c>
      <c r="K202" s="3" t="s">
        <v>32</v>
      </c>
      <c r="L202" s="3" t="s">
        <v>115</v>
      </c>
      <c r="M202" s="3" t="s">
        <v>66</v>
      </c>
      <c r="N202" s="3" t="s">
        <v>67</v>
      </c>
      <c r="O202" s="3" t="s">
        <v>36</v>
      </c>
      <c r="P202" s="3" t="s">
        <v>53</v>
      </c>
      <c r="Q202" s="3" t="s">
        <v>37</v>
      </c>
      <c r="R202" s="3" t="s">
        <v>38</v>
      </c>
      <c r="S202" s="3" t="s">
        <v>777</v>
      </c>
      <c r="T202" s="3" t="s">
        <v>37</v>
      </c>
      <c r="U202" s="3" t="s">
        <v>37</v>
      </c>
      <c r="V202" s="3" t="s">
        <v>37</v>
      </c>
    </row>
    <row r="203" spans="1:22" x14ac:dyDescent="0.25">
      <c r="A203" s="3" t="s">
        <v>22</v>
      </c>
      <c r="B203" s="4" t="s">
        <v>693</v>
      </c>
      <c r="C203" s="3" t="s">
        <v>694</v>
      </c>
      <c r="D203" s="5" t="s">
        <v>231</v>
      </c>
      <c r="E203" s="3" t="s">
        <v>193</v>
      </c>
      <c r="F203" s="3" t="s">
        <v>778</v>
      </c>
      <c r="G203" s="3" t="s">
        <v>352</v>
      </c>
      <c r="H203" s="3" t="s">
        <v>64</v>
      </c>
      <c r="I203" s="3" t="s">
        <v>37</v>
      </c>
      <c r="J203" s="3" t="s">
        <v>779</v>
      </c>
      <c r="K203" s="3" t="s">
        <v>32</v>
      </c>
      <c r="L203" s="3" t="s">
        <v>115</v>
      </c>
      <c r="M203" s="3" t="s">
        <v>66</v>
      </c>
      <c r="N203" s="3" t="s">
        <v>67</v>
      </c>
      <c r="O203" s="3" t="s">
        <v>80</v>
      </c>
      <c r="P203" s="3" t="s">
        <v>53</v>
      </c>
      <c r="Q203" s="3" t="s">
        <v>37</v>
      </c>
      <c r="R203" s="3" t="s">
        <v>38</v>
      </c>
      <c r="S203" s="3" t="s">
        <v>780</v>
      </c>
      <c r="T203" s="3" t="s">
        <v>37</v>
      </c>
      <c r="U203" s="3" t="s">
        <v>37</v>
      </c>
      <c r="V203" s="3" t="s">
        <v>37</v>
      </c>
    </row>
    <row r="204" spans="1:22" x14ac:dyDescent="0.25">
      <c r="A204" s="3" t="s">
        <v>22</v>
      </c>
      <c r="B204" s="4" t="s">
        <v>693</v>
      </c>
      <c r="C204" s="3" t="s">
        <v>694</v>
      </c>
      <c r="D204" s="5" t="s">
        <v>236</v>
      </c>
      <c r="E204" s="3" t="s">
        <v>565</v>
      </c>
      <c r="F204" s="3" t="s">
        <v>781</v>
      </c>
      <c r="G204" s="3" t="s">
        <v>782</v>
      </c>
      <c r="H204" s="3" t="s">
        <v>64</v>
      </c>
      <c r="I204" s="3" t="s">
        <v>783</v>
      </c>
      <c r="J204" s="3" t="s">
        <v>784</v>
      </c>
      <c r="K204" s="3" t="s">
        <v>32</v>
      </c>
      <c r="L204" s="3" t="s">
        <v>115</v>
      </c>
      <c r="M204" s="3" t="s">
        <v>570</v>
      </c>
      <c r="N204" s="3" t="s">
        <v>571</v>
      </c>
      <c r="O204" s="3" t="s">
        <v>572</v>
      </c>
      <c r="P204" s="3" t="s">
        <v>53</v>
      </c>
      <c r="Q204" s="3" t="s">
        <v>72</v>
      </c>
      <c r="R204" s="3" t="s">
        <v>38</v>
      </c>
      <c r="S204" s="3" t="s">
        <v>785</v>
      </c>
      <c r="T204" s="3" t="s">
        <v>37</v>
      </c>
      <c r="U204" s="3" t="s">
        <v>37</v>
      </c>
      <c r="V204" s="3" t="s">
        <v>37</v>
      </c>
    </row>
    <row r="205" spans="1:22" x14ac:dyDescent="0.25">
      <c r="A205" s="3"/>
      <c r="B205" s="4"/>
      <c r="C205" s="3"/>
      <c r="D205" s="5"/>
      <c r="E205" s="6" t="s">
        <v>246</v>
      </c>
      <c r="F205" s="3"/>
      <c r="G205" s="3"/>
      <c r="H205" s="3"/>
      <c r="I205" s="3"/>
      <c r="J205" s="3"/>
      <c r="K205" s="3"/>
      <c r="L205" s="3"/>
      <c r="M205" s="3"/>
      <c r="N205" s="3"/>
      <c r="O205" s="3"/>
      <c r="P205" s="3"/>
      <c r="Q205" s="3"/>
      <c r="R205" s="3"/>
      <c r="S205" s="3"/>
      <c r="T205" s="3"/>
      <c r="U205" s="3"/>
      <c r="V205" s="3"/>
    </row>
    <row r="206" spans="1:22" x14ac:dyDescent="0.25">
      <c r="A206" s="3"/>
      <c r="B206" s="4"/>
      <c r="C206" s="3"/>
      <c r="D206" s="5"/>
      <c r="E206" s="3"/>
      <c r="F206" s="3"/>
      <c r="G206" s="3"/>
      <c r="H206" s="3"/>
      <c r="I206" s="3"/>
      <c r="J206" s="3"/>
      <c r="K206" s="3"/>
      <c r="L206" s="3"/>
      <c r="M206" s="3"/>
      <c r="N206" s="3"/>
      <c r="O206" s="3"/>
      <c r="P206" s="3"/>
      <c r="Q206" s="3"/>
      <c r="R206" s="3"/>
      <c r="S206" s="3"/>
      <c r="T206" s="3"/>
      <c r="U206" s="3"/>
      <c r="V206" s="3"/>
    </row>
    <row r="207" spans="1:22" x14ac:dyDescent="0.25">
      <c r="A207" s="3" t="s">
        <v>22</v>
      </c>
      <c r="B207" s="4" t="s">
        <v>786</v>
      </c>
      <c r="C207" s="3" t="s">
        <v>787</v>
      </c>
      <c r="D207" s="5" t="s">
        <v>25</v>
      </c>
      <c r="E207" s="3" t="s">
        <v>417</v>
      </c>
      <c r="F207" s="3" t="s">
        <v>788</v>
      </c>
      <c r="G207" s="3" t="s">
        <v>170</v>
      </c>
      <c r="H207" s="3" t="s">
        <v>29</v>
      </c>
      <c r="I207" s="3" t="s">
        <v>37</v>
      </c>
      <c r="J207" s="3" t="s">
        <v>789</v>
      </c>
      <c r="K207" s="3" t="s">
        <v>32</v>
      </c>
      <c r="L207" s="3" t="s">
        <v>33</v>
      </c>
      <c r="M207" s="3" t="s">
        <v>66</v>
      </c>
      <c r="N207" s="3" t="s">
        <v>79</v>
      </c>
      <c r="O207" s="3" t="s">
        <v>52</v>
      </c>
      <c r="P207" s="3" t="s">
        <v>37</v>
      </c>
      <c r="Q207" s="3" t="s">
        <v>37</v>
      </c>
      <c r="R207" s="3" t="s">
        <v>38</v>
      </c>
      <c r="S207" s="3" t="s">
        <v>790</v>
      </c>
      <c r="T207" s="3" t="s">
        <v>37</v>
      </c>
      <c r="U207" s="3" t="s">
        <v>37</v>
      </c>
      <c r="V207" s="3" t="s">
        <v>37</v>
      </c>
    </row>
    <row r="208" spans="1:22" x14ac:dyDescent="0.25">
      <c r="A208" s="3" t="s">
        <v>22</v>
      </c>
      <c r="B208" s="4" t="s">
        <v>786</v>
      </c>
      <c r="C208" s="3" t="s">
        <v>787</v>
      </c>
      <c r="D208" s="5" t="s">
        <v>40</v>
      </c>
      <c r="E208" s="3" t="s">
        <v>417</v>
      </c>
      <c r="F208" s="3" t="s">
        <v>791</v>
      </c>
      <c r="G208" s="3" t="s">
        <v>48</v>
      </c>
      <c r="H208" s="3" t="s">
        <v>29</v>
      </c>
      <c r="I208" s="3" t="s">
        <v>37</v>
      </c>
      <c r="J208" s="3" t="s">
        <v>792</v>
      </c>
      <c r="K208" s="3" t="s">
        <v>32</v>
      </c>
      <c r="L208" s="3" t="s">
        <v>33</v>
      </c>
      <c r="M208" s="3" t="s">
        <v>66</v>
      </c>
      <c r="N208" s="3" t="s">
        <v>79</v>
      </c>
      <c r="O208" s="3" t="s">
        <v>52</v>
      </c>
      <c r="P208" s="3" t="s">
        <v>53</v>
      </c>
      <c r="Q208" s="3" t="s">
        <v>37</v>
      </c>
      <c r="R208" s="3" t="s">
        <v>38</v>
      </c>
      <c r="S208" s="3" t="s">
        <v>793</v>
      </c>
      <c r="T208" s="3" t="s">
        <v>37</v>
      </c>
      <c r="U208" s="3" t="s">
        <v>37</v>
      </c>
      <c r="V208" s="3" t="s">
        <v>403</v>
      </c>
    </row>
    <row r="209" spans="1:22" x14ac:dyDescent="0.25">
      <c r="A209" s="3" t="s">
        <v>22</v>
      </c>
      <c r="B209" s="4" t="s">
        <v>786</v>
      </c>
      <c r="C209" s="3" t="s">
        <v>787</v>
      </c>
      <c r="D209" s="5" t="s">
        <v>45</v>
      </c>
      <c r="E209" s="3" t="s">
        <v>46</v>
      </c>
      <c r="F209" s="3" t="s">
        <v>720</v>
      </c>
      <c r="G209" s="3" t="s">
        <v>348</v>
      </c>
      <c r="H209" s="3" t="s">
        <v>77</v>
      </c>
      <c r="I209" s="3" t="s">
        <v>49</v>
      </c>
      <c r="J209" s="3" t="s">
        <v>721</v>
      </c>
      <c r="K209" s="3" t="s">
        <v>32</v>
      </c>
      <c r="L209" s="3" t="s">
        <v>33</v>
      </c>
      <c r="M209" s="3" t="s">
        <v>34</v>
      </c>
      <c r="N209" s="3" t="s">
        <v>67</v>
      </c>
      <c r="O209" s="3" t="s">
        <v>52</v>
      </c>
      <c r="P209" s="3" t="s">
        <v>53</v>
      </c>
      <c r="Q209" s="3" t="s">
        <v>37</v>
      </c>
      <c r="R209" s="3" t="s">
        <v>38</v>
      </c>
      <c r="S209" s="3" t="s">
        <v>722</v>
      </c>
      <c r="T209" s="3" t="s">
        <v>37</v>
      </c>
      <c r="U209" s="3" t="s">
        <v>37</v>
      </c>
      <c r="V209" s="3" t="s">
        <v>37</v>
      </c>
    </row>
    <row r="210" spans="1:22" x14ac:dyDescent="0.25">
      <c r="A210" s="3" t="s">
        <v>22</v>
      </c>
      <c r="B210" s="4" t="s">
        <v>786</v>
      </c>
      <c r="C210" s="3" t="s">
        <v>787</v>
      </c>
      <c r="D210" s="5" t="s">
        <v>55</v>
      </c>
      <c r="E210" s="3" t="s">
        <v>46</v>
      </c>
      <c r="F210" s="3" t="s">
        <v>794</v>
      </c>
      <c r="G210" s="3" t="s">
        <v>76</v>
      </c>
      <c r="H210" s="3" t="s">
        <v>77</v>
      </c>
      <c r="I210" s="3" t="s">
        <v>49</v>
      </c>
      <c r="J210" s="3" t="s">
        <v>795</v>
      </c>
      <c r="K210" s="3" t="s">
        <v>32</v>
      </c>
      <c r="L210" s="3" t="s">
        <v>33</v>
      </c>
      <c r="M210" s="3" t="s">
        <v>34</v>
      </c>
      <c r="N210" s="3" t="s">
        <v>67</v>
      </c>
      <c r="O210" s="3" t="s">
        <v>52</v>
      </c>
      <c r="P210" s="3" t="s">
        <v>53</v>
      </c>
      <c r="Q210" s="3" t="s">
        <v>37</v>
      </c>
      <c r="R210" s="3" t="s">
        <v>38</v>
      </c>
      <c r="S210" s="3" t="s">
        <v>796</v>
      </c>
      <c r="T210" s="3" t="s">
        <v>37</v>
      </c>
      <c r="U210" s="3" t="s">
        <v>37</v>
      </c>
      <c r="V210" s="3" t="s">
        <v>37</v>
      </c>
    </row>
    <row r="211" spans="1:22" x14ac:dyDescent="0.25">
      <c r="A211" s="3" t="s">
        <v>22</v>
      </c>
      <c r="B211" s="4" t="s">
        <v>786</v>
      </c>
      <c r="C211" s="3" t="s">
        <v>787</v>
      </c>
      <c r="D211" s="5" t="s">
        <v>60</v>
      </c>
      <c r="E211" s="3" t="s">
        <v>74</v>
      </c>
      <c r="F211" s="3" t="s">
        <v>797</v>
      </c>
      <c r="G211" s="3" t="s">
        <v>157</v>
      </c>
      <c r="H211" s="3" t="s">
        <v>29</v>
      </c>
      <c r="I211" s="3" t="s">
        <v>434</v>
      </c>
      <c r="J211" s="3" t="s">
        <v>798</v>
      </c>
      <c r="K211" s="3" t="s">
        <v>32</v>
      </c>
      <c r="L211" s="3" t="s">
        <v>33</v>
      </c>
      <c r="M211" s="3" t="s">
        <v>66</v>
      </c>
      <c r="N211" s="3" t="s">
        <v>160</v>
      </c>
      <c r="O211" s="3" t="s">
        <v>52</v>
      </c>
      <c r="P211" s="3" t="s">
        <v>53</v>
      </c>
      <c r="Q211" s="3" t="s">
        <v>37</v>
      </c>
      <c r="R211" s="3" t="s">
        <v>38</v>
      </c>
      <c r="S211" s="3" t="s">
        <v>799</v>
      </c>
      <c r="T211" s="3" t="s">
        <v>37</v>
      </c>
      <c r="U211" s="3" t="s">
        <v>37</v>
      </c>
      <c r="V211" s="3" t="s">
        <v>37</v>
      </c>
    </row>
    <row r="212" spans="1:22" x14ac:dyDescent="0.25">
      <c r="A212" s="3" t="s">
        <v>22</v>
      </c>
      <c r="B212" s="4" t="s">
        <v>786</v>
      </c>
      <c r="C212" s="3" t="s">
        <v>787</v>
      </c>
      <c r="D212" s="5" t="s">
        <v>69</v>
      </c>
      <c r="E212" s="3" t="s">
        <v>74</v>
      </c>
      <c r="F212" s="3" t="s">
        <v>800</v>
      </c>
      <c r="G212" s="3" t="s">
        <v>170</v>
      </c>
      <c r="H212" s="3" t="s">
        <v>29</v>
      </c>
      <c r="I212" s="3" t="s">
        <v>434</v>
      </c>
      <c r="J212" s="3" t="s">
        <v>801</v>
      </c>
      <c r="K212" s="3" t="s">
        <v>32</v>
      </c>
      <c r="L212" s="3" t="s">
        <v>33</v>
      </c>
      <c r="M212" s="3" t="s">
        <v>66</v>
      </c>
      <c r="N212" s="3" t="s">
        <v>160</v>
      </c>
      <c r="O212" s="3" t="s">
        <v>244</v>
      </c>
      <c r="P212" s="3" t="s">
        <v>53</v>
      </c>
      <c r="Q212" s="3" t="s">
        <v>37</v>
      </c>
      <c r="R212" s="3" t="s">
        <v>38</v>
      </c>
      <c r="S212" s="3" t="s">
        <v>802</v>
      </c>
      <c r="T212" s="3" t="s">
        <v>37</v>
      </c>
      <c r="U212" s="3" t="s">
        <v>37</v>
      </c>
      <c r="V212" s="3" t="s">
        <v>37</v>
      </c>
    </row>
    <row r="213" spans="1:22" x14ac:dyDescent="0.25">
      <c r="A213" s="3" t="s">
        <v>22</v>
      </c>
      <c r="B213" s="4" t="s">
        <v>786</v>
      </c>
      <c r="C213" s="3" t="s">
        <v>787</v>
      </c>
      <c r="D213" s="5" t="s">
        <v>440</v>
      </c>
      <c r="E213" s="3" t="s">
        <v>74</v>
      </c>
      <c r="F213" s="3" t="s">
        <v>803</v>
      </c>
      <c r="G213" s="3" t="s">
        <v>48</v>
      </c>
      <c r="H213" s="3" t="s">
        <v>29</v>
      </c>
      <c r="I213" s="3" t="s">
        <v>434</v>
      </c>
      <c r="J213" s="3" t="s">
        <v>804</v>
      </c>
      <c r="K213" s="3" t="s">
        <v>32</v>
      </c>
      <c r="L213" s="3" t="s">
        <v>33</v>
      </c>
      <c r="M213" s="3" t="s">
        <v>66</v>
      </c>
      <c r="N213" s="3" t="s">
        <v>160</v>
      </c>
      <c r="O213" s="3" t="s">
        <v>36</v>
      </c>
      <c r="P213" s="3" t="s">
        <v>53</v>
      </c>
      <c r="Q213" s="3" t="s">
        <v>37</v>
      </c>
      <c r="R213" s="3" t="s">
        <v>38</v>
      </c>
      <c r="S213" s="3" t="s">
        <v>805</v>
      </c>
      <c r="T213" s="3" t="s">
        <v>37</v>
      </c>
      <c r="U213" s="3" t="s">
        <v>37</v>
      </c>
      <c r="V213" s="3" t="s">
        <v>37</v>
      </c>
    </row>
    <row r="214" spans="1:22" x14ac:dyDescent="0.25">
      <c r="A214" s="3" t="s">
        <v>22</v>
      </c>
      <c r="B214" s="4" t="s">
        <v>786</v>
      </c>
      <c r="C214" s="3" t="s">
        <v>787</v>
      </c>
      <c r="D214" s="5" t="s">
        <v>87</v>
      </c>
      <c r="E214" s="3" t="s">
        <v>444</v>
      </c>
      <c r="F214" s="3" t="s">
        <v>806</v>
      </c>
      <c r="G214" s="3" t="s">
        <v>505</v>
      </c>
      <c r="H214" s="3" t="s">
        <v>64</v>
      </c>
      <c r="I214" s="3" t="s">
        <v>446</v>
      </c>
      <c r="J214" s="3" t="s">
        <v>807</v>
      </c>
      <c r="K214" s="3" t="s">
        <v>32</v>
      </c>
      <c r="L214" s="3" t="s">
        <v>33</v>
      </c>
      <c r="M214" s="3" t="s">
        <v>34</v>
      </c>
      <c r="N214" s="3" t="s">
        <v>160</v>
      </c>
      <c r="O214" s="3" t="s">
        <v>36</v>
      </c>
      <c r="P214" s="3" t="s">
        <v>37</v>
      </c>
      <c r="Q214" s="3" t="s">
        <v>37</v>
      </c>
      <c r="R214" s="3" t="s">
        <v>38</v>
      </c>
      <c r="S214" s="3" t="s">
        <v>808</v>
      </c>
      <c r="T214" s="3" t="s">
        <v>37</v>
      </c>
      <c r="U214" s="3" t="s">
        <v>37</v>
      </c>
      <c r="V214" s="3" t="s">
        <v>37</v>
      </c>
    </row>
    <row r="215" spans="1:22" x14ac:dyDescent="0.25">
      <c r="A215" s="3" t="s">
        <v>22</v>
      </c>
      <c r="B215" s="4" t="s">
        <v>786</v>
      </c>
      <c r="C215" s="3" t="s">
        <v>787</v>
      </c>
      <c r="D215" s="5" t="s">
        <v>92</v>
      </c>
      <c r="E215" s="3" t="s">
        <v>444</v>
      </c>
      <c r="F215" s="3" t="s">
        <v>809</v>
      </c>
      <c r="G215" s="3" t="s">
        <v>288</v>
      </c>
      <c r="H215" s="3" t="s">
        <v>64</v>
      </c>
      <c r="I215" s="3" t="s">
        <v>446</v>
      </c>
      <c r="J215" s="3" t="s">
        <v>810</v>
      </c>
      <c r="K215" s="3" t="s">
        <v>32</v>
      </c>
      <c r="L215" s="3" t="s">
        <v>33</v>
      </c>
      <c r="M215" s="3" t="s">
        <v>34</v>
      </c>
      <c r="N215" s="3" t="s">
        <v>160</v>
      </c>
      <c r="O215" s="3" t="s">
        <v>36</v>
      </c>
      <c r="P215" s="3" t="s">
        <v>37</v>
      </c>
      <c r="Q215" s="3" t="s">
        <v>37</v>
      </c>
      <c r="R215" s="3" t="s">
        <v>38</v>
      </c>
      <c r="S215" s="3" t="s">
        <v>811</v>
      </c>
      <c r="T215" s="3" t="s">
        <v>37</v>
      </c>
      <c r="U215" s="3" t="s">
        <v>37</v>
      </c>
      <c r="V215" s="3" t="s">
        <v>37</v>
      </c>
    </row>
    <row r="216" spans="1:22" x14ac:dyDescent="0.25">
      <c r="A216" s="3" t="s">
        <v>22</v>
      </c>
      <c r="B216" s="4" t="s">
        <v>786</v>
      </c>
      <c r="C216" s="3" t="s">
        <v>787</v>
      </c>
      <c r="D216" s="5" t="s">
        <v>301</v>
      </c>
      <c r="E216" s="3" t="s">
        <v>452</v>
      </c>
      <c r="F216" s="3" t="s">
        <v>812</v>
      </c>
      <c r="G216" s="3" t="s">
        <v>505</v>
      </c>
      <c r="H216" s="3" t="s">
        <v>64</v>
      </c>
      <c r="I216" s="3" t="s">
        <v>454</v>
      </c>
      <c r="J216" s="3" t="s">
        <v>813</v>
      </c>
      <c r="K216" s="3" t="s">
        <v>32</v>
      </c>
      <c r="L216" s="3" t="s">
        <v>33</v>
      </c>
      <c r="M216" s="3" t="s">
        <v>66</v>
      </c>
      <c r="N216" s="3" t="s">
        <v>160</v>
      </c>
      <c r="O216" s="3" t="s">
        <v>127</v>
      </c>
      <c r="P216" s="3" t="s">
        <v>37</v>
      </c>
      <c r="Q216" s="3" t="s">
        <v>37</v>
      </c>
      <c r="R216" s="3" t="s">
        <v>38</v>
      </c>
      <c r="S216" s="3" t="s">
        <v>814</v>
      </c>
      <c r="T216" s="3" t="s">
        <v>37</v>
      </c>
      <c r="U216" s="3" t="s">
        <v>37</v>
      </c>
      <c r="V216" s="3" t="s">
        <v>37</v>
      </c>
    </row>
    <row r="217" spans="1:22" x14ac:dyDescent="0.25">
      <c r="A217" s="3" t="s">
        <v>22</v>
      </c>
      <c r="B217" s="4" t="s">
        <v>786</v>
      </c>
      <c r="C217" s="3" t="s">
        <v>787</v>
      </c>
      <c r="D217" s="5" t="s">
        <v>102</v>
      </c>
      <c r="E217" s="3" t="s">
        <v>452</v>
      </c>
      <c r="F217" s="3" t="s">
        <v>815</v>
      </c>
      <c r="G217" s="3" t="s">
        <v>288</v>
      </c>
      <c r="H217" s="3" t="s">
        <v>64</v>
      </c>
      <c r="I217" s="3" t="s">
        <v>454</v>
      </c>
      <c r="J217" s="3" t="s">
        <v>816</v>
      </c>
      <c r="K217" s="3" t="s">
        <v>32</v>
      </c>
      <c r="L217" s="3" t="s">
        <v>33</v>
      </c>
      <c r="M217" s="3" t="s">
        <v>66</v>
      </c>
      <c r="N217" s="3" t="s">
        <v>160</v>
      </c>
      <c r="O217" s="3" t="s">
        <v>127</v>
      </c>
      <c r="P217" s="3" t="s">
        <v>37</v>
      </c>
      <c r="Q217" s="3" t="s">
        <v>37</v>
      </c>
      <c r="R217" s="3" t="s">
        <v>38</v>
      </c>
      <c r="S217" s="3" t="s">
        <v>817</v>
      </c>
      <c r="T217" s="3" t="s">
        <v>37</v>
      </c>
      <c r="U217" s="3" t="s">
        <v>37</v>
      </c>
      <c r="V217" s="3" t="s">
        <v>37</v>
      </c>
    </row>
    <row r="218" spans="1:22" x14ac:dyDescent="0.25">
      <c r="A218" s="3" t="s">
        <v>22</v>
      </c>
      <c r="B218" s="4" t="s">
        <v>786</v>
      </c>
      <c r="C218" s="3" t="s">
        <v>787</v>
      </c>
      <c r="D218" s="5" t="s">
        <v>305</v>
      </c>
      <c r="E218" s="3" t="s">
        <v>452</v>
      </c>
      <c r="F218" s="3" t="s">
        <v>818</v>
      </c>
      <c r="G218" s="3" t="s">
        <v>293</v>
      </c>
      <c r="H218" s="3" t="s">
        <v>64</v>
      </c>
      <c r="I218" s="3" t="s">
        <v>454</v>
      </c>
      <c r="J218" s="3" t="s">
        <v>819</v>
      </c>
      <c r="K218" s="3" t="s">
        <v>32</v>
      </c>
      <c r="L218" s="3" t="s">
        <v>33</v>
      </c>
      <c r="M218" s="3" t="s">
        <v>66</v>
      </c>
      <c r="N218" s="3" t="s">
        <v>160</v>
      </c>
      <c r="O218" s="3" t="s">
        <v>127</v>
      </c>
      <c r="P218" s="3" t="s">
        <v>37</v>
      </c>
      <c r="Q218" s="3" t="s">
        <v>37</v>
      </c>
      <c r="R218" s="3" t="s">
        <v>38</v>
      </c>
      <c r="S218" s="3" t="s">
        <v>820</v>
      </c>
      <c r="T218" s="3" t="s">
        <v>37</v>
      </c>
      <c r="U218" s="3" t="s">
        <v>37</v>
      </c>
      <c r="V218" s="3" t="s">
        <v>37</v>
      </c>
    </row>
    <row r="219" spans="1:22" x14ac:dyDescent="0.25">
      <c r="A219" s="3" t="s">
        <v>22</v>
      </c>
      <c r="B219" s="4" t="s">
        <v>786</v>
      </c>
      <c r="C219" s="3" t="s">
        <v>787</v>
      </c>
      <c r="D219" s="5" t="s">
        <v>463</v>
      </c>
      <c r="E219" s="3" t="s">
        <v>46</v>
      </c>
      <c r="F219" s="3" t="s">
        <v>523</v>
      </c>
      <c r="G219" s="3" t="s">
        <v>283</v>
      </c>
      <c r="H219" s="3" t="s">
        <v>64</v>
      </c>
      <c r="I219" s="3" t="s">
        <v>49</v>
      </c>
      <c r="J219" s="3" t="s">
        <v>524</v>
      </c>
      <c r="K219" s="3" t="s">
        <v>32</v>
      </c>
      <c r="L219" s="3" t="s">
        <v>33</v>
      </c>
      <c r="M219" s="3" t="s">
        <v>34</v>
      </c>
      <c r="N219" s="3" t="s">
        <v>35</v>
      </c>
      <c r="O219" s="3" t="s">
        <v>52</v>
      </c>
      <c r="P219" s="3" t="s">
        <v>53</v>
      </c>
      <c r="Q219" s="3" t="s">
        <v>72</v>
      </c>
      <c r="R219" s="3" t="s">
        <v>38</v>
      </c>
      <c r="S219" s="3" t="s">
        <v>525</v>
      </c>
      <c r="T219" s="3" t="s">
        <v>37</v>
      </c>
      <c r="U219" s="3" t="s">
        <v>37</v>
      </c>
      <c r="V219" s="3" t="s">
        <v>37</v>
      </c>
    </row>
    <row r="220" spans="1:22" x14ac:dyDescent="0.25">
      <c r="A220" s="3" t="s">
        <v>22</v>
      </c>
      <c r="B220" s="4" t="s">
        <v>786</v>
      </c>
      <c r="C220" s="3" t="s">
        <v>787</v>
      </c>
      <c r="D220" s="5" t="s">
        <v>468</v>
      </c>
      <c r="E220" s="3" t="s">
        <v>46</v>
      </c>
      <c r="F220" s="3" t="s">
        <v>650</v>
      </c>
      <c r="G220" s="3" t="s">
        <v>228</v>
      </c>
      <c r="H220" s="3" t="s">
        <v>64</v>
      </c>
      <c r="I220" s="3" t="s">
        <v>49</v>
      </c>
      <c r="J220" s="3" t="s">
        <v>651</v>
      </c>
      <c r="K220" s="3" t="s">
        <v>32</v>
      </c>
      <c r="L220" s="3" t="s">
        <v>33</v>
      </c>
      <c r="M220" s="3" t="s">
        <v>34</v>
      </c>
      <c r="N220" s="3" t="s">
        <v>35</v>
      </c>
      <c r="O220" s="3" t="s">
        <v>52</v>
      </c>
      <c r="P220" s="3" t="s">
        <v>53</v>
      </c>
      <c r="Q220" s="3" t="s">
        <v>72</v>
      </c>
      <c r="R220" s="3" t="s">
        <v>38</v>
      </c>
      <c r="S220" s="3" t="s">
        <v>652</v>
      </c>
      <c r="T220" s="3" t="s">
        <v>37</v>
      </c>
      <c r="U220" s="3" t="s">
        <v>37</v>
      </c>
      <c r="V220" s="3" t="s">
        <v>37</v>
      </c>
    </row>
    <row r="221" spans="1:22" x14ac:dyDescent="0.25">
      <c r="A221" s="3" t="s">
        <v>22</v>
      </c>
      <c r="B221" s="4" t="s">
        <v>786</v>
      </c>
      <c r="C221" s="3" t="s">
        <v>787</v>
      </c>
      <c r="D221" s="5" t="s">
        <v>472</v>
      </c>
      <c r="E221" s="3" t="s">
        <v>473</v>
      </c>
      <c r="F221" s="3" t="s">
        <v>821</v>
      </c>
      <c r="G221" s="3" t="s">
        <v>412</v>
      </c>
      <c r="H221" s="3" t="s">
        <v>64</v>
      </c>
      <c r="I221" s="3" t="s">
        <v>476</v>
      </c>
      <c r="J221" s="3" t="s">
        <v>822</v>
      </c>
      <c r="K221" s="3" t="s">
        <v>32</v>
      </c>
      <c r="L221" s="3" t="s">
        <v>33</v>
      </c>
      <c r="M221" s="3" t="s">
        <v>34</v>
      </c>
      <c r="N221" s="3" t="s">
        <v>71</v>
      </c>
      <c r="O221" s="3" t="s">
        <v>127</v>
      </c>
      <c r="P221" s="3" t="s">
        <v>37</v>
      </c>
      <c r="Q221" s="3" t="s">
        <v>72</v>
      </c>
      <c r="R221" s="3" t="s">
        <v>38</v>
      </c>
      <c r="S221" s="3" t="s">
        <v>823</v>
      </c>
      <c r="T221" s="3" t="s">
        <v>37</v>
      </c>
      <c r="U221" s="3" t="s">
        <v>37</v>
      </c>
      <c r="V221" s="3" t="s">
        <v>37</v>
      </c>
    </row>
    <row r="222" spans="1:22" x14ac:dyDescent="0.25">
      <c r="A222" s="3" t="s">
        <v>22</v>
      </c>
      <c r="B222" s="4" t="s">
        <v>786</v>
      </c>
      <c r="C222" s="3" t="s">
        <v>787</v>
      </c>
      <c r="D222" s="5" t="s">
        <v>117</v>
      </c>
      <c r="E222" s="3" t="s">
        <v>473</v>
      </c>
      <c r="F222" s="3" t="s">
        <v>824</v>
      </c>
      <c r="G222" s="3" t="s">
        <v>195</v>
      </c>
      <c r="H222" s="3" t="s">
        <v>64</v>
      </c>
      <c r="I222" s="3" t="s">
        <v>476</v>
      </c>
      <c r="J222" s="3" t="s">
        <v>825</v>
      </c>
      <c r="K222" s="3" t="s">
        <v>32</v>
      </c>
      <c r="L222" s="3" t="s">
        <v>33</v>
      </c>
      <c r="M222" s="3" t="s">
        <v>34</v>
      </c>
      <c r="N222" s="3" t="s">
        <v>71</v>
      </c>
      <c r="O222" s="3" t="s">
        <v>127</v>
      </c>
      <c r="P222" s="3" t="s">
        <v>37</v>
      </c>
      <c r="Q222" s="3" t="s">
        <v>72</v>
      </c>
      <c r="R222" s="3" t="s">
        <v>38</v>
      </c>
      <c r="S222" s="3" t="s">
        <v>826</v>
      </c>
      <c r="T222" s="3" t="s">
        <v>37</v>
      </c>
      <c r="U222" s="3" t="s">
        <v>37</v>
      </c>
      <c r="V222" s="3" t="s">
        <v>37</v>
      </c>
    </row>
    <row r="223" spans="1:22" x14ac:dyDescent="0.25">
      <c r="A223" s="3" t="s">
        <v>22</v>
      </c>
      <c r="B223" s="4" t="s">
        <v>786</v>
      </c>
      <c r="C223" s="3" t="s">
        <v>787</v>
      </c>
      <c r="D223" s="5" t="s">
        <v>483</v>
      </c>
      <c r="E223" s="3" t="s">
        <v>473</v>
      </c>
      <c r="F223" s="3" t="s">
        <v>827</v>
      </c>
      <c r="G223" s="3" t="s">
        <v>422</v>
      </c>
      <c r="H223" s="3" t="s">
        <v>64</v>
      </c>
      <c r="I223" s="3" t="s">
        <v>476</v>
      </c>
      <c r="J223" s="3" t="s">
        <v>828</v>
      </c>
      <c r="K223" s="3" t="s">
        <v>32</v>
      </c>
      <c r="L223" s="3" t="s">
        <v>33</v>
      </c>
      <c r="M223" s="3" t="s">
        <v>34</v>
      </c>
      <c r="N223" s="3" t="s">
        <v>71</v>
      </c>
      <c r="O223" s="3" t="s">
        <v>127</v>
      </c>
      <c r="P223" s="3" t="s">
        <v>37</v>
      </c>
      <c r="Q223" s="3" t="s">
        <v>72</v>
      </c>
      <c r="R223" s="3" t="s">
        <v>38</v>
      </c>
      <c r="S223" s="3" t="s">
        <v>829</v>
      </c>
      <c r="T223" s="3" t="s">
        <v>37</v>
      </c>
      <c r="U223" s="3" t="s">
        <v>37</v>
      </c>
      <c r="V223" s="3" t="s">
        <v>37</v>
      </c>
    </row>
    <row r="224" spans="1:22" x14ac:dyDescent="0.25">
      <c r="A224" s="3" t="s">
        <v>22</v>
      </c>
      <c r="B224" s="4" t="s">
        <v>786</v>
      </c>
      <c r="C224" s="3" t="s">
        <v>787</v>
      </c>
      <c r="D224" s="5" t="s">
        <v>487</v>
      </c>
      <c r="E224" s="3" t="s">
        <v>473</v>
      </c>
      <c r="F224" s="3" t="s">
        <v>830</v>
      </c>
      <c r="G224" s="3" t="s">
        <v>157</v>
      </c>
      <c r="H224" s="3" t="s">
        <v>64</v>
      </c>
      <c r="I224" s="3" t="s">
        <v>476</v>
      </c>
      <c r="J224" s="3" t="s">
        <v>831</v>
      </c>
      <c r="K224" s="3" t="s">
        <v>32</v>
      </c>
      <c r="L224" s="3" t="s">
        <v>33</v>
      </c>
      <c r="M224" s="3" t="s">
        <v>34</v>
      </c>
      <c r="N224" s="3" t="s">
        <v>71</v>
      </c>
      <c r="O224" s="3" t="s">
        <v>127</v>
      </c>
      <c r="P224" s="3" t="s">
        <v>37</v>
      </c>
      <c r="Q224" s="3" t="s">
        <v>72</v>
      </c>
      <c r="R224" s="3" t="s">
        <v>38</v>
      </c>
      <c r="S224" s="3" t="s">
        <v>832</v>
      </c>
      <c r="T224" s="3" t="s">
        <v>37</v>
      </c>
      <c r="U224" s="3" t="s">
        <v>37</v>
      </c>
      <c r="V224" s="3" t="s">
        <v>37</v>
      </c>
    </row>
    <row r="225" spans="1:22" x14ac:dyDescent="0.25">
      <c r="A225" s="3" t="s">
        <v>22</v>
      </c>
      <c r="B225" s="4" t="s">
        <v>786</v>
      </c>
      <c r="C225" s="3" t="s">
        <v>787</v>
      </c>
      <c r="D225" s="5" t="s">
        <v>491</v>
      </c>
      <c r="E225" s="3" t="s">
        <v>46</v>
      </c>
      <c r="F225" s="3" t="s">
        <v>833</v>
      </c>
      <c r="G225" s="3" t="s">
        <v>761</v>
      </c>
      <c r="H225" s="3" t="s">
        <v>29</v>
      </c>
      <c r="I225" s="3" t="s">
        <v>49</v>
      </c>
      <c r="J225" s="3" t="s">
        <v>834</v>
      </c>
      <c r="K225" s="3" t="s">
        <v>32</v>
      </c>
      <c r="L225" s="3" t="s">
        <v>33</v>
      </c>
      <c r="M225" s="3" t="s">
        <v>34</v>
      </c>
      <c r="N225" s="3" t="s">
        <v>51</v>
      </c>
      <c r="O225" s="3" t="s">
        <v>52</v>
      </c>
      <c r="P225" s="3" t="s">
        <v>53</v>
      </c>
      <c r="Q225" s="3" t="s">
        <v>37</v>
      </c>
      <c r="R225" s="3" t="s">
        <v>38</v>
      </c>
      <c r="S225" s="3" t="s">
        <v>835</v>
      </c>
      <c r="T225" s="3" t="s">
        <v>37</v>
      </c>
      <c r="U225" s="3" t="s">
        <v>37</v>
      </c>
      <c r="V225" s="3" t="s">
        <v>37</v>
      </c>
    </row>
    <row r="226" spans="1:22" x14ac:dyDescent="0.25">
      <c r="A226" s="3" t="s">
        <v>22</v>
      </c>
      <c r="B226" s="4" t="s">
        <v>786</v>
      </c>
      <c r="C226" s="3" t="s">
        <v>787</v>
      </c>
      <c r="D226" s="5" t="s">
        <v>495</v>
      </c>
      <c r="E226" s="3" t="s">
        <v>46</v>
      </c>
      <c r="F226" s="3" t="s">
        <v>836</v>
      </c>
      <c r="G226" s="3" t="s">
        <v>28</v>
      </c>
      <c r="H226" s="3" t="s">
        <v>29</v>
      </c>
      <c r="I226" s="3" t="s">
        <v>49</v>
      </c>
      <c r="J226" s="3" t="s">
        <v>837</v>
      </c>
      <c r="K226" s="3" t="s">
        <v>32</v>
      </c>
      <c r="L226" s="3" t="s">
        <v>33</v>
      </c>
      <c r="M226" s="3" t="s">
        <v>34</v>
      </c>
      <c r="N226" s="3" t="s">
        <v>51</v>
      </c>
      <c r="O226" s="3" t="s">
        <v>52</v>
      </c>
      <c r="P226" s="3" t="s">
        <v>53</v>
      </c>
      <c r="Q226" s="3" t="s">
        <v>37</v>
      </c>
      <c r="R226" s="3" t="s">
        <v>38</v>
      </c>
      <c r="S226" s="3" t="s">
        <v>838</v>
      </c>
      <c r="T226" s="3" t="s">
        <v>37</v>
      </c>
      <c r="U226" s="3" t="s">
        <v>37</v>
      </c>
      <c r="V226" s="3" t="s">
        <v>37</v>
      </c>
    </row>
    <row r="227" spans="1:22" x14ac:dyDescent="0.25">
      <c r="A227" s="3" t="s">
        <v>22</v>
      </c>
      <c r="B227" s="4" t="s">
        <v>786</v>
      </c>
      <c r="C227" s="3" t="s">
        <v>787</v>
      </c>
      <c r="D227" s="5" t="s">
        <v>140</v>
      </c>
      <c r="E227" s="3" t="s">
        <v>155</v>
      </c>
      <c r="F227" s="3" t="s">
        <v>839</v>
      </c>
      <c r="G227" s="3" t="s">
        <v>137</v>
      </c>
      <c r="H227" s="3" t="s">
        <v>29</v>
      </c>
      <c r="I227" s="3" t="s">
        <v>840</v>
      </c>
      <c r="J227" s="3" t="s">
        <v>841</v>
      </c>
      <c r="K227" s="3" t="s">
        <v>32</v>
      </c>
      <c r="L227" s="3" t="s">
        <v>33</v>
      </c>
      <c r="M227" s="3" t="s">
        <v>34</v>
      </c>
      <c r="N227" s="3" t="s">
        <v>79</v>
      </c>
      <c r="O227" s="3" t="s">
        <v>52</v>
      </c>
      <c r="P227" s="3" t="s">
        <v>37</v>
      </c>
      <c r="Q227" s="3" t="s">
        <v>37</v>
      </c>
      <c r="R227" s="3" t="s">
        <v>38</v>
      </c>
      <c r="S227" s="3" t="s">
        <v>842</v>
      </c>
      <c r="T227" s="3" t="s">
        <v>37</v>
      </c>
      <c r="U227" s="3" t="s">
        <v>37</v>
      </c>
      <c r="V227" s="3" t="s">
        <v>37</v>
      </c>
    </row>
    <row r="228" spans="1:22" x14ac:dyDescent="0.25">
      <c r="A228" s="3" t="s">
        <v>22</v>
      </c>
      <c r="B228" s="4" t="s">
        <v>786</v>
      </c>
      <c r="C228" s="3" t="s">
        <v>787</v>
      </c>
      <c r="D228" s="5" t="s">
        <v>503</v>
      </c>
      <c r="E228" s="3" t="s">
        <v>155</v>
      </c>
      <c r="F228" s="3" t="s">
        <v>843</v>
      </c>
      <c r="G228" s="3" t="s">
        <v>293</v>
      </c>
      <c r="H228" s="3" t="s">
        <v>64</v>
      </c>
      <c r="I228" s="3" t="s">
        <v>158</v>
      </c>
      <c r="J228" s="3" t="s">
        <v>844</v>
      </c>
      <c r="K228" s="3" t="s">
        <v>32</v>
      </c>
      <c r="L228" s="3" t="s">
        <v>33</v>
      </c>
      <c r="M228" s="3" t="s">
        <v>34</v>
      </c>
      <c r="N228" s="3" t="s">
        <v>160</v>
      </c>
      <c r="O228" s="3" t="s">
        <v>161</v>
      </c>
      <c r="P228" s="3" t="s">
        <v>37</v>
      </c>
      <c r="Q228" s="3" t="s">
        <v>37</v>
      </c>
      <c r="R228" s="3" t="s">
        <v>38</v>
      </c>
      <c r="S228" s="3" t="s">
        <v>845</v>
      </c>
      <c r="T228" s="3" t="s">
        <v>37</v>
      </c>
      <c r="U228" s="3" t="s">
        <v>37</v>
      </c>
      <c r="V228" s="3" t="s">
        <v>37</v>
      </c>
    </row>
    <row r="229" spans="1:22" x14ac:dyDescent="0.25">
      <c r="A229" s="3" t="s">
        <v>22</v>
      </c>
      <c r="B229" s="4" t="s">
        <v>786</v>
      </c>
      <c r="C229" s="3" t="s">
        <v>787</v>
      </c>
      <c r="D229" s="5" t="s">
        <v>152</v>
      </c>
      <c r="E229" s="3" t="s">
        <v>508</v>
      </c>
      <c r="F229" s="3" t="s">
        <v>846</v>
      </c>
      <c r="G229" s="3" t="s">
        <v>847</v>
      </c>
      <c r="H229" s="3" t="s">
        <v>278</v>
      </c>
      <c r="I229" s="3" t="s">
        <v>848</v>
      </c>
      <c r="J229" s="3" t="s">
        <v>849</v>
      </c>
      <c r="K229" s="3" t="s">
        <v>32</v>
      </c>
      <c r="L229" s="3" t="s">
        <v>33</v>
      </c>
      <c r="M229" s="3" t="s">
        <v>66</v>
      </c>
      <c r="N229" s="3" t="s">
        <v>513</v>
      </c>
      <c r="O229" s="3" t="s">
        <v>52</v>
      </c>
      <c r="P229" s="3" t="s">
        <v>37</v>
      </c>
      <c r="Q229" s="3" t="s">
        <v>37</v>
      </c>
      <c r="R229" s="3" t="s">
        <v>38</v>
      </c>
      <c r="S229" s="3" t="s">
        <v>850</v>
      </c>
      <c r="T229" s="3" t="s">
        <v>37</v>
      </c>
      <c r="U229" s="3" t="s">
        <v>37</v>
      </c>
      <c r="V229" s="3" t="s">
        <v>37</v>
      </c>
    </row>
    <row r="230" spans="1:22" x14ac:dyDescent="0.25">
      <c r="A230" s="3" t="s">
        <v>22</v>
      </c>
      <c r="B230" s="4" t="s">
        <v>786</v>
      </c>
      <c r="C230" s="3" t="s">
        <v>787</v>
      </c>
      <c r="D230" s="5" t="s">
        <v>163</v>
      </c>
      <c r="E230" s="3" t="s">
        <v>508</v>
      </c>
      <c r="F230" s="3" t="s">
        <v>851</v>
      </c>
      <c r="G230" s="3" t="s">
        <v>852</v>
      </c>
      <c r="H230" s="3" t="s">
        <v>278</v>
      </c>
      <c r="I230" s="3" t="s">
        <v>853</v>
      </c>
      <c r="J230" s="3" t="s">
        <v>854</v>
      </c>
      <c r="K230" s="3" t="s">
        <v>32</v>
      </c>
      <c r="L230" s="3" t="s">
        <v>33</v>
      </c>
      <c r="M230" s="3" t="s">
        <v>66</v>
      </c>
      <c r="N230" s="3" t="s">
        <v>513</v>
      </c>
      <c r="O230" s="3" t="s">
        <v>52</v>
      </c>
      <c r="P230" s="3" t="s">
        <v>37</v>
      </c>
      <c r="Q230" s="3" t="s">
        <v>37</v>
      </c>
      <c r="R230" s="3" t="s">
        <v>38</v>
      </c>
      <c r="S230" s="3" t="s">
        <v>855</v>
      </c>
      <c r="T230" s="3" t="s">
        <v>37</v>
      </c>
      <c r="U230" s="3" t="s">
        <v>37</v>
      </c>
      <c r="V230" s="3" t="s">
        <v>37</v>
      </c>
    </row>
    <row r="231" spans="1:22" x14ac:dyDescent="0.25">
      <c r="A231" s="3" t="s">
        <v>22</v>
      </c>
      <c r="B231" s="4" t="s">
        <v>786</v>
      </c>
      <c r="C231" s="3" t="s">
        <v>787</v>
      </c>
      <c r="D231" s="5" t="s">
        <v>173</v>
      </c>
      <c r="E231" s="3" t="s">
        <v>46</v>
      </c>
      <c r="F231" s="3" t="s">
        <v>856</v>
      </c>
      <c r="G231" s="3" t="s">
        <v>475</v>
      </c>
      <c r="H231" s="3" t="s">
        <v>29</v>
      </c>
      <c r="I231" s="3" t="s">
        <v>49</v>
      </c>
      <c r="J231" s="3" t="s">
        <v>857</v>
      </c>
      <c r="K231" s="3" t="s">
        <v>32</v>
      </c>
      <c r="L231" s="3" t="s">
        <v>33</v>
      </c>
      <c r="M231" s="3" t="s">
        <v>34</v>
      </c>
      <c r="N231" s="3" t="s">
        <v>51</v>
      </c>
      <c r="O231" s="3" t="s">
        <v>52</v>
      </c>
      <c r="P231" s="3" t="s">
        <v>53</v>
      </c>
      <c r="Q231" s="3" t="s">
        <v>37</v>
      </c>
      <c r="R231" s="3" t="s">
        <v>38</v>
      </c>
      <c r="S231" s="3" t="s">
        <v>858</v>
      </c>
      <c r="T231" s="3" t="s">
        <v>37</v>
      </c>
      <c r="U231" s="3" t="s">
        <v>37</v>
      </c>
      <c r="V231" s="3" t="s">
        <v>37</v>
      </c>
    </row>
    <row r="232" spans="1:22" x14ac:dyDescent="0.25">
      <c r="A232" s="3" t="s">
        <v>22</v>
      </c>
      <c r="B232" s="4" t="s">
        <v>786</v>
      </c>
      <c r="C232" s="3" t="s">
        <v>787</v>
      </c>
      <c r="D232" s="5" t="s">
        <v>177</v>
      </c>
      <c r="E232" s="3" t="s">
        <v>46</v>
      </c>
      <c r="F232" s="3" t="s">
        <v>730</v>
      </c>
      <c r="G232" s="3" t="s">
        <v>480</v>
      </c>
      <c r="H232" s="3" t="s">
        <v>29</v>
      </c>
      <c r="I232" s="3" t="s">
        <v>49</v>
      </c>
      <c r="J232" s="3" t="s">
        <v>731</v>
      </c>
      <c r="K232" s="3" t="s">
        <v>32</v>
      </c>
      <c r="L232" s="3" t="s">
        <v>33</v>
      </c>
      <c r="M232" s="3" t="s">
        <v>34</v>
      </c>
      <c r="N232" s="3" t="s">
        <v>51</v>
      </c>
      <c r="O232" s="3" t="s">
        <v>52</v>
      </c>
      <c r="P232" s="3" t="s">
        <v>53</v>
      </c>
      <c r="Q232" s="3" t="s">
        <v>37</v>
      </c>
      <c r="R232" s="3" t="s">
        <v>38</v>
      </c>
      <c r="S232" s="3" t="s">
        <v>732</v>
      </c>
      <c r="T232" s="3" t="s">
        <v>37</v>
      </c>
      <c r="U232" s="3" t="s">
        <v>37</v>
      </c>
      <c r="V232" s="3" t="s">
        <v>37</v>
      </c>
    </row>
    <row r="233" spans="1:22" x14ac:dyDescent="0.25">
      <c r="A233" s="3" t="s">
        <v>22</v>
      </c>
      <c r="B233" s="4" t="s">
        <v>786</v>
      </c>
      <c r="C233" s="3" t="s">
        <v>787</v>
      </c>
      <c r="D233" s="5" t="s">
        <v>182</v>
      </c>
      <c r="E233" s="3" t="s">
        <v>859</v>
      </c>
      <c r="F233" s="3" t="s">
        <v>860</v>
      </c>
      <c r="G233" s="3" t="s">
        <v>288</v>
      </c>
      <c r="H233" s="3" t="s">
        <v>64</v>
      </c>
      <c r="I233" s="3" t="s">
        <v>861</v>
      </c>
      <c r="J233" s="3" t="s">
        <v>862</v>
      </c>
      <c r="K233" s="3" t="s">
        <v>32</v>
      </c>
      <c r="L233" s="3" t="s">
        <v>33</v>
      </c>
      <c r="M233" s="3" t="s">
        <v>253</v>
      </c>
      <c r="N233" s="3" t="s">
        <v>160</v>
      </c>
      <c r="O233" s="3" t="s">
        <v>52</v>
      </c>
      <c r="P233" s="3" t="s">
        <v>37</v>
      </c>
      <c r="Q233" s="3" t="s">
        <v>37</v>
      </c>
      <c r="R233" s="3" t="s">
        <v>38</v>
      </c>
      <c r="S233" s="3" t="s">
        <v>863</v>
      </c>
      <c r="T233" s="3" t="s">
        <v>37</v>
      </c>
      <c r="U233" s="3" t="s">
        <v>37</v>
      </c>
      <c r="V233" s="3" t="s">
        <v>37</v>
      </c>
    </row>
    <row r="234" spans="1:22" x14ac:dyDescent="0.25">
      <c r="A234" s="3" t="s">
        <v>22</v>
      </c>
      <c r="B234" s="4" t="s">
        <v>786</v>
      </c>
      <c r="C234" s="3" t="s">
        <v>787</v>
      </c>
      <c r="D234" s="5" t="s">
        <v>187</v>
      </c>
      <c r="E234" s="3" t="s">
        <v>859</v>
      </c>
      <c r="F234" s="3" t="s">
        <v>864</v>
      </c>
      <c r="G234" s="3" t="s">
        <v>293</v>
      </c>
      <c r="H234" s="3" t="s">
        <v>64</v>
      </c>
      <c r="I234" s="3" t="s">
        <v>861</v>
      </c>
      <c r="J234" s="3" t="s">
        <v>865</v>
      </c>
      <c r="K234" s="3" t="s">
        <v>32</v>
      </c>
      <c r="L234" s="3" t="s">
        <v>33</v>
      </c>
      <c r="M234" s="3" t="s">
        <v>253</v>
      </c>
      <c r="N234" s="3" t="s">
        <v>160</v>
      </c>
      <c r="O234" s="3" t="s">
        <v>52</v>
      </c>
      <c r="P234" s="3" t="s">
        <v>37</v>
      </c>
      <c r="Q234" s="3" t="s">
        <v>37</v>
      </c>
      <c r="R234" s="3" t="s">
        <v>38</v>
      </c>
      <c r="S234" s="3" t="s">
        <v>866</v>
      </c>
      <c r="T234" s="3" t="s">
        <v>37</v>
      </c>
      <c r="U234" s="3" t="s">
        <v>37</v>
      </c>
      <c r="V234" s="3" t="s">
        <v>37</v>
      </c>
    </row>
    <row r="235" spans="1:22" x14ac:dyDescent="0.25">
      <c r="A235" s="3" t="s">
        <v>22</v>
      </c>
      <c r="B235" s="4" t="s">
        <v>786</v>
      </c>
      <c r="C235" s="3" t="s">
        <v>787</v>
      </c>
      <c r="D235" s="5" t="s">
        <v>192</v>
      </c>
      <c r="E235" s="3" t="s">
        <v>46</v>
      </c>
      <c r="F235" s="3" t="s">
        <v>98</v>
      </c>
      <c r="G235" s="3" t="s">
        <v>99</v>
      </c>
      <c r="H235" s="3" t="s">
        <v>64</v>
      </c>
      <c r="I235" s="3" t="s">
        <v>49</v>
      </c>
      <c r="J235" s="3" t="s">
        <v>100</v>
      </c>
      <c r="K235" s="3" t="s">
        <v>32</v>
      </c>
      <c r="L235" s="3" t="s">
        <v>33</v>
      </c>
      <c r="M235" s="3" t="s">
        <v>34</v>
      </c>
      <c r="N235" s="3" t="s">
        <v>35</v>
      </c>
      <c r="O235" s="3" t="s">
        <v>52</v>
      </c>
      <c r="P235" s="3" t="s">
        <v>53</v>
      </c>
      <c r="Q235" s="3" t="s">
        <v>72</v>
      </c>
      <c r="R235" s="3" t="s">
        <v>38</v>
      </c>
      <c r="S235" s="3" t="s">
        <v>101</v>
      </c>
      <c r="T235" s="3" t="s">
        <v>37</v>
      </c>
      <c r="U235" s="3" t="s">
        <v>37</v>
      </c>
      <c r="V235" s="3" t="s">
        <v>37</v>
      </c>
    </row>
    <row r="236" spans="1:22" x14ac:dyDescent="0.25">
      <c r="A236" s="3" t="s">
        <v>22</v>
      </c>
      <c r="B236" s="4" t="s">
        <v>786</v>
      </c>
      <c r="C236" s="3" t="s">
        <v>787</v>
      </c>
      <c r="D236" s="5" t="s">
        <v>198</v>
      </c>
      <c r="E236" s="3" t="s">
        <v>46</v>
      </c>
      <c r="F236" s="3" t="s">
        <v>867</v>
      </c>
      <c r="G236" s="3" t="s">
        <v>120</v>
      </c>
      <c r="H236" s="3" t="s">
        <v>64</v>
      </c>
      <c r="I236" s="3" t="s">
        <v>49</v>
      </c>
      <c r="J236" s="3" t="s">
        <v>868</v>
      </c>
      <c r="K236" s="3" t="s">
        <v>32</v>
      </c>
      <c r="L236" s="3" t="s">
        <v>33</v>
      </c>
      <c r="M236" s="3" t="s">
        <v>34</v>
      </c>
      <c r="N236" s="3" t="s">
        <v>35</v>
      </c>
      <c r="O236" s="3" t="s">
        <v>52</v>
      </c>
      <c r="P236" s="3" t="s">
        <v>53</v>
      </c>
      <c r="Q236" s="3" t="s">
        <v>72</v>
      </c>
      <c r="R236" s="3" t="s">
        <v>38</v>
      </c>
      <c r="S236" s="3" t="s">
        <v>869</v>
      </c>
      <c r="T236" s="3" t="s">
        <v>37</v>
      </c>
      <c r="U236" s="3" t="s">
        <v>37</v>
      </c>
      <c r="V236" s="3" t="s">
        <v>37</v>
      </c>
    </row>
    <row r="237" spans="1:22" x14ac:dyDescent="0.25">
      <c r="A237" s="3" t="s">
        <v>22</v>
      </c>
      <c r="B237" s="4" t="s">
        <v>786</v>
      </c>
      <c r="C237" s="3" t="s">
        <v>787</v>
      </c>
      <c r="D237" s="5" t="s">
        <v>203</v>
      </c>
      <c r="E237" s="3" t="s">
        <v>46</v>
      </c>
      <c r="F237" s="3" t="s">
        <v>532</v>
      </c>
      <c r="G237" s="3" t="s">
        <v>29</v>
      </c>
      <c r="H237" s="3" t="s">
        <v>64</v>
      </c>
      <c r="I237" s="3" t="s">
        <v>870</v>
      </c>
      <c r="J237" s="3" t="s">
        <v>534</v>
      </c>
      <c r="K237" s="3" t="s">
        <v>32</v>
      </c>
      <c r="L237" s="3" t="s">
        <v>33</v>
      </c>
      <c r="M237" s="3" t="s">
        <v>34</v>
      </c>
      <c r="N237" s="3" t="s">
        <v>35</v>
      </c>
      <c r="O237" s="3" t="s">
        <v>52</v>
      </c>
      <c r="P237" s="3" t="s">
        <v>53</v>
      </c>
      <c r="Q237" s="3" t="s">
        <v>72</v>
      </c>
      <c r="R237" s="3" t="s">
        <v>38</v>
      </c>
      <c r="S237" s="3" t="s">
        <v>535</v>
      </c>
      <c r="T237" s="3" t="s">
        <v>37</v>
      </c>
      <c r="U237" s="3" t="s">
        <v>37</v>
      </c>
      <c r="V237" s="3" t="s">
        <v>37</v>
      </c>
    </row>
    <row r="238" spans="1:22" x14ac:dyDescent="0.25">
      <c r="A238" s="3" t="s">
        <v>22</v>
      </c>
      <c r="B238" s="4" t="s">
        <v>786</v>
      </c>
      <c r="C238" s="3" t="s">
        <v>787</v>
      </c>
      <c r="D238" s="5" t="s">
        <v>207</v>
      </c>
      <c r="E238" s="3" t="s">
        <v>74</v>
      </c>
      <c r="F238" s="3" t="s">
        <v>174</v>
      </c>
      <c r="G238" s="3" t="s">
        <v>143</v>
      </c>
      <c r="H238" s="3" t="s">
        <v>77</v>
      </c>
      <c r="I238" s="3" t="s">
        <v>37</v>
      </c>
      <c r="J238" s="3" t="s">
        <v>175</v>
      </c>
      <c r="K238" s="3" t="s">
        <v>32</v>
      </c>
      <c r="L238" s="3" t="s">
        <v>33</v>
      </c>
      <c r="M238" s="3" t="s">
        <v>66</v>
      </c>
      <c r="N238" s="3" t="s">
        <v>79</v>
      </c>
      <c r="O238" s="3" t="s">
        <v>52</v>
      </c>
      <c r="P238" s="3" t="s">
        <v>53</v>
      </c>
      <c r="Q238" s="3" t="s">
        <v>37</v>
      </c>
      <c r="R238" s="3" t="s">
        <v>38</v>
      </c>
      <c r="S238" s="3" t="s">
        <v>176</v>
      </c>
      <c r="T238" s="3" t="s">
        <v>37</v>
      </c>
      <c r="U238" s="3" t="s">
        <v>37</v>
      </c>
      <c r="V238" s="3" t="s">
        <v>37</v>
      </c>
    </row>
    <row r="239" spans="1:22" x14ac:dyDescent="0.25">
      <c r="A239" s="3" t="s">
        <v>22</v>
      </c>
      <c r="B239" s="4" t="s">
        <v>786</v>
      </c>
      <c r="C239" s="3" t="s">
        <v>787</v>
      </c>
      <c r="D239" s="5" t="s">
        <v>370</v>
      </c>
      <c r="E239" s="3" t="s">
        <v>74</v>
      </c>
      <c r="F239" s="3" t="s">
        <v>178</v>
      </c>
      <c r="G239" s="3" t="s">
        <v>179</v>
      </c>
      <c r="H239" s="3" t="s">
        <v>77</v>
      </c>
      <c r="I239" s="3" t="s">
        <v>37</v>
      </c>
      <c r="J239" s="3" t="s">
        <v>180</v>
      </c>
      <c r="K239" s="3" t="s">
        <v>32</v>
      </c>
      <c r="L239" s="3" t="s">
        <v>33</v>
      </c>
      <c r="M239" s="3" t="s">
        <v>66</v>
      </c>
      <c r="N239" s="3" t="s">
        <v>79</v>
      </c>
      <c r="O239" s="3" t="s">
        <v>52</v>
      </c>
      <c r="P239" s="3" t="s">
        <v>53</v>
      </c>
      <c r="Q239" s="3" t="s">
        <v>37</v>
      </c>
      <c r="R239" s="3" t="s">
        <v>38</v>
      </c>
      <c r="S239" s="3" t="s">
        <v>181</v>
      </c>
      <c r="T239" s="3" t="s">
        <v>37</v>
      </c>
      <c r="U239" s="3" t="s">
        <v>37</v>
      </c>
      <c r="V239" s="3" t="s">
        <v>37</v>
      </c>
    </row>
    <row r="240" spans="1:22" x14ac:dyDescent="0.25">
      <c r="A240" s="3" t="s">
        <v>22</v>
      </c>
      <c r="B240" s="4" t="s">
        <v>786</v>
      </c>
      <c r="C240" s="3" t="s">
        <v>787</v>
      </c>
      <c r="D240" s="5" t="s">
        <v>539</v>
      </c>
      <c r="E240" s="3" t="s">
        <v>540</v>
      </c>
      <c r="F240" s="3" t="s">
        <v>871</v>
      </c>
      <c r="G240" s="3" t="s">
        <v>132</v>
      </c>
      <c r="H240" s="3" t="s">
        <v>29</v>
      </c>
      <c r="I240" s="3" t="s">
        <v>670</v>
      </c>
      <c r="J240" s="3" t="s">
        <v>872</v>
      </c>
      <c r="K240" s="3" t="s">
        <v>32</v>
      </c>
      <c r="L240" s="3" t="s">
        <v>37</v>
      </c>
      <c r="M240" s="3" t="s">
        <v>34</v>
      </c>
      <c r="N240" s="3" t="s">
        <v>160</v>
      </c>
      <c r="O240" s="3" t="s">
        <v>80</v>
      </c>
      <c r="P240" s="3" t="s">
        <v>37</v>
      </c>
      <c r="Q240" s="3" t="s">
        <v>37</v>
      </c>
      <c r="R240" s="3" t="s">
        <v>38</v>
      </c>
      <c r="S240" s="3" t="s">
        <v>873</v>
      </c>
      <c r="T240" s="3" t="s">
        <v>37</v>
      </c>
      <c r="U240" s="3" t="s">
        <v>37</v>
      </c>
      <c r="V240" s="3" t="s">
        <v>37</v>
      </c>
    </row>
    <row r="241" spans="1:22" x14ac:dyDescent="0.25">
      <c r="A241" s="3" t="s">
        <v>22</v>
      </c>
      <c r="B241" s="4" t="s">
        <v>786</v>
      </c>
      <c r="C241" s="3" t="s">
        <v>787</v>
      </c>
      <c r="D241" s="5" t="s">
        <v>546</v>
      </c>
      <c r="E241" s="3" t="s">
        <v>540</v>
      </c>
      <c r="F241" s="3" t="s">
        <v>874</v>
      </c>
      <c r="G241" s="3" t="s">
        <v>265</v>
      </c>
      <c r="H241" s="3" t="s">
        <v>29</v>
      </c>
      <c r="I241" s="3" t="s">
        <v>670</v>
      </c>
      <c r="J241" s="3" t="s">
        <v>875</v>
      </c>
      <c r="K241" s="3" t="s">
        <v>32</v>
      </c>
      <c r="L241" s="3" t="s">
        <v>37</v>
      </c>
      <c r="M241" s="3" t="s">
        <v>34</v>
      </c>
      <c r="N241" s="3" t="s">
        <v>160</v>
      </c>
      <c r="O241" s="3" t="s">
        <v>80</v>
      </c>
      <c r="P241" s="3" t="s">
        <v>37</v>
      </c>
      <c r="Q241" s="3" t="s">
        <v>37</v>
      </c>
      <c r="R241" s="3" t="s">
        <v>38</v>
      </c>
      <c r="S241" s="3" t="s">
        <v>876</v>
      </c>
      <c r="T241" s="3" t="s">
        <v>37</v>
      </c>
      <c r="U241" s="3" t="s">
        <v>37</v>
      </c>
      <c r="V241" s="3" t="s">
        <v>37</v>
      </c>
    </row>
    <row r="242" spans="1:22" x14ac:dyDescent="0.25">
      <c r="A242" s="3" t="s">
        <v>22</v>
      </c>
      <c r="B242" s="4" t="s">
        <v>786</v>
      </c>
      <c r="C242" s="3" t="s">
        <v>787</v>
      </c>
      <c r="D242" s="5" t="s">
        <v>216</v>
      </c>
      <c r="E242" s="3" t="s">
        <v>550</v>
      </c>
      <c r="F242" s="3" t="s">
        <v>877</v>
      </c>
      <c r="G242" s="3" t="s">
        <v>228</v>
      </c>
      <c r="H242" s="3" t="s">
        <v>29</v>
      </c>
      <c r="I242" s="3" t="s">
        <v>878</v>
      </c>
      <c r="J242" s="3" t="s">
        <v>879</v>
      </c>
      <c r="K242" s="3" t="s">
        <v>32</v>
      </c>
      <c r="L242" s="3" t="s">
        <v>115</v>
      </c>
      <c r="M242" s="3" t="s">
        <v>66</v>
      </c>
      <c r="N242" s="3" t="s">
        <v>51</v>
      </c>
      <c r="O242" s="3" t="s">
        <v>52</v>
      </c>
      <c r="P242" s="3" t="s">
        <v>37</v>
      </c>
      <c r="Q242" s="3" t="s">
        <v>37</v>
      </c>
      <c r="R242" s="3" t="s">
        <v>38</v>
      </c>
      <c r="S242" s="3" t="s">
        <v>880</v>
      </c>
      <c r="T242" s="3" t="s">
        <v>37</v>
      </c>
      <c r="U242" s="3" t="s">
        <v>37</v>
      </c>
      <c r="V242" s="3" t="s">
        <v>37</v>
      </c>
    </row>
    <row r="243" spans="1:22" x14ac:dyDescent="0.25">
      <c r="A243" s="3" t="s">
        <v>22</v>
      </c>
      <c r="B243" s="4" t="s">
        <v>786</v>
      </c>
      <c r="C243" s="3" t="s">
        <v>787</v>
      </c>
      <c r="D243" s="5" t="s">
        <v>220</v>
      </c>
      <c r="E243" s="3" t="s">
        <v>550</v>
      </c>
      <c r="F243" s="3" t="s">
        <v>881</v>
      </c>
      <c r="G243" s="3" t="s">
        <v>274</v>
      </c>
      <c r="H243" s="3" t="s">
        <v>29</v>
      </c>
      <c r="I243" s="3" t="s">
        <v>882</v>
      </c>
      <c r="J243" s="3" t="s">
        <v>883</v>
      </c>
      <c r="K243" s="3" t="s">
        <v>32</v>
      </c>
      <c r="L243" s="3" t="s">
        <v>115</v>
      </c>
      <c r="M243" s="3" t="s">
        <v>66</v>
      </c>
      <c r="N243" s="3" t="s">
        <v>51</v>
      </c>
      <c r="O243" s="3" t="s">
        <v>52</v>
      </c>
      <c r="P243" s="3" t="s">
        <v>37</v>
      </c>
      <c r="Q243" s="3" t="s">
        <v>37</v>
      </c>
      <c r="R243" s="3" t="s">
        <v>38</v>
      </c>
      <c r="S243" s="3" t="s">
        <v>884</v>
      </c>
      <c r="T243" s="3" t="s">
        <v>37</v>
      </c>
      <c r="U243" s="3" t="s">
        <v>37</v>
      </c>
      <c r="V243" s="3" t="s">
        <v>37</v>
      </c>
    </row>
    <row r="244" spans="1:22" x14ac:dyDescent="0.25">
      <c r="A244" s="3" t="s">
        <v>22</v>
      </c>
      <c r="B244" s="4" t="s">
        <v>786</v>
      </c>
      <c r="C244" s="3" t="s">
        <v>787</v>
      </c>
      <c r="D244" s="5" t="s">
        <v>225</v>
      </c>
      <c r="E244" s="3" t="s">
        <v>193</v>
      </c>
      <c r="F244" s="3" t="s">
        <v>885</v>
      </c>
      <c r="G244" s="3" t="s">
        <v>70</v>
      </c>
      <c r="H244" s="3" t="s">
        <v>64</v>
      </c>
      <c r="I244" s="3" t="s">
        <v>37</v>
      </c>
      <c r="J244" s="3" t="s">
        <v>886</v>
      </c>
      <c r="K244" s="3" t="s">
        <v>32</v>
      </c>
      <c r="L244" s="3" t="s">
        <v>115</v>
      </c>
      <c r="M244" s="3" t="s">
        <v>66</v>
      </c>
      <c r="N244" s="3" t="s">
        <v>67</v>
      </c>
      <c r="O244" s="3" t="s">
        <v>36</v>
      </c>
      <c r="P244" s="3" t="s">
        <v>53</v>
      </c>
      <c r="Q244" s="3" t="s">
        <v>37</v>
      </c>
      <c r="R244" s="3" t="s">
        <v>38</v>
      </c>
      <c r="S244" s="3" t="s">
        <v>887</v>
      </c>
      <c r="T244" s="3" t="s">
        <v>37</v>
      </c>
      <c r="U244" s="3" t="s">
        <v>37</v>
      </c>
      <c r="V244" s="3" t="s">
        <v>37</v>
      </c>
    </row>
    <row r="245" spans="1:22" x14ac:dyDescent="0.25">
      <c r="A245" s="3" t="s">
        <v>22</v>
      </c>
      <c r="B245" s="4" t="s">
        <v>786</v>
      </c>
      <c r="C245" s="3" t="s">
        <v>787</v>
      </c>
      <c r="D245" s="5" t="s">
        <v>231</v>
      </c>
      <c r="E245" s="3" t="s">
        <v>193</v>
      </c>
      <c r="F245" s="3" t="s">
        <v>888</v>
      </c>
      <c r="G245" s="3" t="s">
        <v>153</v>
      </c>
      <c r="H245" s="3" t="s">
        <v>64</v>
      </c>
      <c r="I245" s="3" t="s">
        <v>37</v>
      </c>
      <c r="J245" s="3" t="s">
        <v>889</v>
      </c>
      <c r="K245" s="3" t="s">
        <v>32</v>
      </c>
      <c r="L245" s="3" t="s">
        <v>115</v>
      </c>
      <c r="M245" s="3" t="s">
        <v>66</v>
      </c>
      <c r="N245" s="3" t="s">
        <v>67</v>
      </c>
      <c r="O245" s="3" t="s">
        <v>36</v>
      </c>
      <c r="P245" s="3" t="s">
        <v>53</v>
      </c>
      <c r="Q245" s="3" t="s">
        <v>37</v>
      </c>
      <c r="R245" s="3" t="s">
        <v>38</v>
      </c>
      <c r="S245" s="3" t="s">
        <v>890</v>
      </c>
      <c r="T245" s="3" t="s">
        <v>37</v>
      </c>
      <c r="U245" s="3" t="s">
        <v>37</v>
      </c>
      <c r="V245" s="3" t="s">
        <v>37</v>
      </c>
    </row>
    <row r="246" spans="1:22" x14ac:dyDescent="0.25">
      <c r="A246" s="3" t="s">
        <v>22</v>
      </c>
      <c r="B246" s="4" t="s">
        <v>786</v>
      </c>
      <c r="C246" s="3" t="s">
        <v>787</v>
      </c>
      <c r="D246" s="5" t="s">
        <v>236</v>
      </c>
      <c r="E246" s="3" t="s">
        <v>565</v>
      </c>
      <c r="F246" s="3" t="s">
        <v>891</v>
      </c>
      <c r="G246" s="3" t="s">
        <v>892</v>
      </c>
      <c r="H246" s="3" t="s">
        <v>64</v>
      </c>
      <c r="I246" s="3" t="s">
        <v>893</v>
      </c>
      <c r="J246" s="3" t="s">
        <v>894</v>
      </c>
      <c r="K246" s="3" t="s">
        <v>32</v>
      </c>
      <c r="L246" s="3" t="s">
        <v>115</v>
      </c>
      <c r="M246" s="3" t="s">
        <v>570</v>
      </c>
      <c r="N246" s="3" t="s">
        <v>571</v>
      </c>
      <c r="O246" s="3" t="s">
        <v>895</v>
      </c>
      <c r="P246" s="3" t="s">
        <v>53</v>
      </c>
      <c r="Q246" s="3" t="s">
        <v>72</v>
      </c>
      <c r="R246" s="3" t="s">
        <v>38</v>
      </c>
      <c r="S246" s="3" t="s">
        <v>896</v>
      </c>
      <c r="T246" s="3" t="s">
        <v>37</v>
      </c>
      <c r="U246" s="3" t="s">
        <v>37</v>
      </c>
      <c r="V246" s="3" t="s">
        <v>37</v>
      </c>
    </row>
    <row r="247" spans="1:22" x14ac:dyDescent="0.25">
      <c r="A247" s="3"/>
      <c r="B247" s="4"/>
      <c r="C247" s="3"/>
      <c r="D247" s="5"/>
      <c r="E247" s="6" t="s">
        <v>246</v>
      </c>
      <c r="F247" s="3"/>
      <c r="G247" s="3"/>
      <c r="H247" s="3"/>
      <c r="I247" s="3"/>
      <c r="J247" s="3"/>
      <c r="K247" s="3"/>
      <c r="L247" s="3"/>
      <c r="M247" s="3"/>
      <c r="N247" s="3"/>
      <c r="O247" s="3"/>
      <c r="P247" s="3"/>
      <c r="Q247" s="3"/>
      <c r="R247" s="3"/>
      <c r="S247" s="3"/>
      <c r="T247" s="3"/>
      <c r="U247" s="3"/>
      <c r="V247" s="3"/>
    </row>
    <row r="248" spans="1:22" x14ac:dyDescent="0.25">
      <c r="A248" s="3"/>
      <c r="B248" s="4"/>
      <c r="C248" s="3"/>
      <c r="D248" s="5"/>
      <c r="E248" s="3"/>
      <c r="F248" s="3"/>
      <c r="G248" s="3"/>
      <c r="H248" s="3"/>
      <c r="I248" s="3"/>
      <c r="J248" s="3"/>
      <c r="K248" s="3"/>
      <c r="L248" s="3"/>
      <c r="M248" s="3"/>
      <c r="N248" s="3"/>
      <c r="O248" s="3"/>
      <c r="P248" s="3"/>
      <c r="Q248" s="3"/>
      <c r="R248" s="3"/>
      <c r="S248" s="3"/>
      <c r="T248" s="3"/>
      <c r="U248" s="3"/>
      <c r="V248" s="3"/>
    </row>
    <row r="249" spans="1:22" x14ac:dyDescent="0.25">
      <c r="A249" s="3" t="s">
        <v>22</v>
      </c>
      <c r="B249" s="4" t="s">
        <v>897</v>
      </c>
      <c r="C249" s="3" t="s">
        <v>898</v>
      </c>
      <c r="D249" s="5" t="s">
        <v>25</v>
      </c>
      <c r="E249" s="3" t="s">
        <v>417</v>
      </c>
      <c r="F249" s="3" t="s">
        <v>899</v>
      </c>
      <c r="G249" s="3" t="s">
        <v>184</v>
      </c>
      <c r="H249" s="3" t="s">
        <v>29</v>
      </c>
      <c r="I249" s="3" t="s">
        <v>37</v>
      </c>
      <c r="J249" s="3" t="s">
        <v>900</v>
      </c>
      <c r="K249" s="3" t="s">
        <v>32</v>
      </c>
      <c r="L249" s="3" t="s">
        <v>33</v>
      </c>
      <c r="M249" s="3" t="s">
        <v>66</v>
      </c>
      <c r="N249" s="3" t="s">
        <v>79</v>
      </c>
      <c r="O249" s="3" t="s">
        <v>52</v>
      </c>
      <c r="P249" s="3" t="s">
        <v>37</v>
      </c>
      <c r="Q249" s="3" t="s">
        <v>37</v>
      </c>
      <c r="R249" s="3" t="s">
        <v>38</v>
      </c>
      <c r="S249" s="3" t="s">
        <v>901</v>
      </c>
      <c r="T249" s="3" t="s">
        <v>37</v>
      </c>
      <c r="U249" s="3" t="s">
        <v>37</v>
      </c>
      <c r="V249" s="3" t="s">
        <v>37</v>
      </c>
    </row>
    <row r="250" spans="1:22" x14ac:dyDescent="0.25">
      <c r="A250" s="3" t="s">
        <v>22</v>
      </c>
      <c r="B250" s="4" t="s">
        <v>897</v>
      </c>
      <c r="C250" s="3" t="s">
        <v>898</v>
      </c>
      <c r="D250" s="5" t="s">
        <v>40</v>
      </c>
      <c r="E250" s="3" t="s">
        <v>417</v>
      </c>
      <c r="F250" s="3" t="s">
        <v>902</v>
      </c>
      <c r="G250" s="3" t="s">
        <v>189</v>
      </c>
      <c r="H250" s="3" t="s">
        <v>29</v>
      </c>
      <c r="I250" s="3" t="s">
        <v>37</v>
      </c>
      <c r="J250" s="3" t="s">
        <v>903</v>
      </c>
      <c r="K250" s="3" t="s">
        <v>32</v>
      </c>
      <c r="L250" s="3" t="s">
        <v>33</v>
      </c>
      <c r="M250" s="3" t="s">
        <v>66</v>
      </c>
      <c r="N250" s="3" t="s">
        <v>79</v>
      </c>
      <c r="O250" s="3" t="s">
        <v>52</v>
      </c>
      <c r="P250" s="3" t="s">
        <v>37</v>
      </c>
      <c r="Q250" s="3" t="s">
        <v>37</v>
      </c>
      <c r="R250" s="3" t="s">
        <v>38</v>
      </c>
      <c r="S250" s="3" t="s">
        <v>904</v>
      </c>
      <c r="T250" s="3" t="s">
        <v>37</v>
      </c>
      <c r="U250" s="3" t="s">
        <v>37</v>
      </c>
      <c r="V250" s="3" t="s">
        <v>37</v>
      </c>
    </row>
    <row r="251" spans="1:22" x14ac:dyDescent="0.25">
      <c r="A251" s="3" t="s">
        <v>22</v>
      </c>
      <c r="B251" s="4" t="s">
        <v>897</v>
      </c>
      <c r="C251" s="3" t="s">
        <v>898</v>
      </c>
      <c r="D251" s="5" t="s">
        <v>45</v>
      </c>
      <c r="E251" s="3" t="s">
        <v>46</v>
      </c>
      <c r="F251" s="3" t="s">
        <v>747</v>
      </c>
      <c r="G251" s="3" t="s">
        <v>84</v>
      </c>
      <c r="H251" s="3" t="s">
        <v>77</v>
      </c>
      <c r="I251" s="3" t="s">
        <v>49</v>
      </c>
      <c r="J251" s="3" t="s">
        <v>748</v>
      </c>
      <c r="K251" s="3" t="s">
        <v>32</v>
      </c>
      <c r="L251" s="3" t="s">
        <v>33</v>
      </c>
      <c r="M251" s="3" t="s">
        <v>34</v>
      </c>
      <c r="N251" s="3" t="s">
        <v>67</v>
      </c>
      <c r="O251" s="3" t="s">
        <v>52</v>
      </c>
      <c r="P251" s="3" t="s">
        <v>53</v>
      </c>
      <c r="Q251" s="3" t="s">
        <v>37</v>
      </c>
      <c r="R251" s="3" t="s">
        <v>38</v>
      </c>
      <c r="S251" s="3" t="s">
        <v>749</v>
      </c>
      <c r="T251" s="3" t="s">
        <v>37</v>
      </c>
      <c r="U251" s="3" t="s">
        <v>37</v>
      </c>
      <c r="V251" s="3" t="s">
        <v>37</v>
      </c>
    </row>
    <row r="252" spans="1:22" x14ac:dyDescent="0.25">
      <c r="A252" s="3" t="s">
        <v>22</v>
      </c>
      <c r="B252" s="4" t="s">
        <v>897</v>
      </c>
      <c r="C252" s="3" t="s">
        <v>898</v>
      </c>
      <c r="D252" s="5" t="s">
        <v>55</v>
      </c>
      <c r="E252" s="3" t="s">
        <v>46</v>
      </c>
      <c r="F252" s="3" t="s">
        <v>750</v>
      </c>
      <c r="G252" s="3" t="s">
        <v>751</v>
      </c>
      <c r="H252" s="3" t="s">
        <v>77</v>
      </c>
      <c r="I252" s="3" t="s">
        <v>49</v>
      </c>
      <c r="J252" s="3" t="s">
        <v>752</v>
      </c>
      <c r="K252" s="3" t="s">
        <v>32</v>
      </c>
      <c r="L252" s="3" t="s">
        <v>33</v>
      </c>
      <c r="M252" s="3" t="s">
        <v>34</v>
      </c>
      <c r="N252" s="3" t="s">
        <v>67</v>
      </c>
      <c r="O252" s="3" t="s">
        <v>52</v>
      </c>
      <c r="P252" s="3" t="s">
        <v>53</v>
      </c>
      <c r="Q252" s="3" t="s">
        <v>37</v>
      </c>
      <c r="R252" s="3" t="s">
        <v>38</v>
      </c>
      <c r="S252" s="3" t="s">
        <v>753</v>
      </c>
      <c r="T252" s="3" t="s">
        <v>37</v>
      </c>
      <c r="U252" s="3" t="s">
        <v>37</v>
      </c>
      <c r="V252" s="3" t="s">
        <v>37</v>
      </c>
    </row>
    <row r="253" spans="1:22" x14ac:dyDescent="0.25">
      <c r="A253" s="3" t="s">
        <v>22</v>
      </c>
      <c r="B253" s="4" t="s">
        <v>897</v>
      </c>
      <c r="C253" s="3" t="s">
        <v>898</v>
      </c>
      <c r="D253" s="5" t="s">
        <v>60</v>
      </c>
      <c r="E253" s="3" t="s">
        <v>74</v>
      </c>
      <c r="F253" s="3" t="s">
        <v>905</v>
      </c>
      <c r="G253" s="3" t="s">
        <v>184</v>
      </c>
      <c r="H253" s="3" t="s">
        <v>29</v>
      </c>
      <c r="I253" s="3" t="s">
        <v>434</v>
      </c>
      <c r="J253" s="3" t="s">
        <v>906</v>
      </c>
      <c r="K253" s="3" t="s">
        <v>32</v>
      </c>
      <c r="L253" s="3" t="s">
        <v>33</v>
      </c>
      <c r="M253" s="3" t="s">
        <v>66</v>
      </c>
      <c r="N253" s="3" t="s">
        <v>160</v>
      </c>
      <c r="O253" s="3" t="s">
        <v>52</v>
      </c>
      <c r="P253" s="3" t="s">
        <v>53</v>
      </c>
      <c r="Q253" s="3" t="s">
        <v>37</v>
      </c>
      <c r="R253" s="3" t="s">
        <v>38</v>
      </c>
      <c r="S253" s="3" t="s">
        <v>907</v>
      </c>
      <c r="T253" s="3" t="s">
        <v>37</v>
      </c>
      <c r="U253" s="3" t="s">
        <v>37</v>
      </c>
      <c r="V253" s="3" t="s">
        <v>37</v>
      </c>
    </row>
    <row r="254" spans="1:22" x14ac:dyDescent="0.25">
      <c r="A254" s="3" t="s">
        <v>22</v>
      </c>
      <c r="B254" s="4" t="s">
        <v>897</v>
      </c>
      <c r="C254" s="3" t="s">
        <v>898</v>
      </c>
      <c r="D254" s="5" t="s">
        <v>69</v>
      </c>
      <c r="E254" s="3" t="s">
        <v>74</v>
      </c>
      <c r="F254" s="3" t="s">
        <v>908</v>
      </c>
      <c r="G254" s="3" t="s">
        <v>307</v>
      </c>
      <c r="H254" s="3" t="s">
        <v>29</v>
      </c>
      <c r="I254" s="3" t="s">
        <v>434</v>
      </c>
      <c r="J254" s="3" t="s">
        <v>909</v>
      </c>
      <c r="K254" s="3" t="s">
        <v>32</v>
      </c>
      <c r="L254" s="3" t="s">
        <v>33</v>
      </c>
      <c r="M254" s="3" t="s">
        <v>66</v>
      </c>
      <c r="N254" s="3" t="s">
        <v>160</v>
      </c>
      <c r="O254" s="3" t="s">
        <v>52</v>
      </c>
      <c r="P254" s="3" t="s">
        <v>53</v>
      </c>
      <c r="Q254" s="3" t="s">
        <v>37</v>
      </c>
      <c r="R254" s="3" t="s">
        <v>38</v>
      </c>
      <c r="S254" s="3" t="s">
        <v>910</v>
      </c>
      <c r="T254" s="3" t="s">
        <v>37</v>
      </c>
      <c r="U254" s="3" t="s">
        <v>37</v>
      </c>
      <c r="V254" s="3" t="s">
        <v>37</v>
      </c>
    </row>
    <row r="255" spans="1:22" x14ac:dyDescent="0.25">
      <c r="A255" s="3" t="s">
        <v>22</v>
      </c>
      <c r="B255" s="4" t="s">
        <v>897</v>
      </c>
      <c r="C255" s="3" t="s">
        <v>898</v>
      </c>
      <c r="D255" s="5" t="s">
        <v>440</v>
      </c>
      <c r="E255" s="3" t="s">
        <v>74</v>
      </c>
      <c r="F255" s="3" t="s">
        <v>911</v>
      </c>
      <c r="G255" s="3" t="s">
        <v>165</v>
      </c>
      <c r="H255" s="3" t="s">
        <v>29</v>
      </c>
      <c r="I255" s="3" t="s">
        <v>434</v>
      </c>
      <c r="J255" s="3" t="s">
        <v>912</v>
      </c>
      <c r="K255" s="3" t="s">
        <v>32</v>
      </c>
      <c r="L255" s="3" t="s">
        <v>33</v>
      </c>
      <c r="M255" s="3" t="s">
        <v>66</v>
      </c>
      <c r="N255" s="3" t="s">
        <v>160</v>
      </c>
      <c r="O255" s="3" t="s">
        <v>52</v>
      </c>
      <c r="P255" s="3" t="s">
        <v>53</v>
      </c>
      <c r="Q255" s="3" t="s">
        <v>37</v>
      </c>
      <c r="R255" s="3" t="s">
        <v>38</v>
      </c>
      <c r="S255" s="3" t="s">
        <v>913</v>
      </c>
      <c r="T255" s="3" t="s">
        <v>37</v>
      </c>
      <c r="U255" s="3" t="s">
        <v>37</v>
      </c>
      <c r="V255" s="3" t="s">
        <v>37</v>
      </c>
    </row>
    <row r="256" spans="1:22" x14ac:dyDescent="0.25">
      <c r="A256" s="3" t="s">
        <v>22</v>
      </c>
      <c r="B256" s="4" t="s">
        <v>897</v>
      </c>
      <c r="C256" s="3" t="s">
        <v>898</v>
      </c>
      <c r="D256" s="5" t="s">
        <v>87</v>
      </c>
      <c r="E256" s="3" t="s">
        <v>444</v>
      </c>
      <c r="F256" s="3" t="s">
        <v>914</v>
      </c>
      <c r="G256" s="3" t="s">
        <v>293</v>
      </c>
      <c r="H256" s="3" t="s">
        <v>64</v>
      </c>
      <c r="I256" s="3" t="s">
        <v>446</v>
      </c>
      <c r="J256" s="3" t="s">
        <v>915</v>
      </c>
      <c r="K256" s="3" t="s">
        <v>32</v>
      </c>
      <c r="L256" s="3" t="s">
        <v>33</v>
      </c>
      <c r="M256" s="3" t="s">
        <v>34</v>
      </c>
      <c r="N256" s="3" t="s">
        <v>160</v>
      </c>
      <c r="O256" s="3" t="s">
        <v>36</v>
      </c>
      <c r="P256" s="3" t="s">
        <v>37</v>
      </c>
      <c r="Q256" s="3" t="s">
        <v>37</v>
      </c>
      <c r="R256" s="3" t="s">
        <v>38</v>
      </c>
      <c r="S256" s="3" t="s">
        <v>916</v>
      </c>
      <c r="T256" s="3" t="s">
        <v>37</v>
      </c>
      <c r="U256" s="3" t="s">
        <v>37</v>
      </c>
      <c r="V256" s="3" t="s">
        <v>37</v>
      </c>
    </row>
    <row r="257" spans="1:22" x14ac:dyDescent="0.25">
      <c r="A257" s="3" t="s">
        <v>22</v>
      </c>
      <c r="B257" s="4" t="s">
        <v>897</v>
      </c>
      <c r="C257" s="3" t="s">
        <v>898</v>
      </c>
      <c r="D257" s="5" t="s">
        <v>92</v>
      </c>
      <c r="E257" s="3" t="s">
        <v>444</v>
      </c>
      <c r="F257" s="3" t="s">
        <v>917</v>
      </c>
      <c r="G257" s="3" t="s">
        <v>228</v>
      </c>
      <c r="H257" s="3" t="s">
        <v>64</v>
      </c>
      <c r="I257" s="3" t="s">
        <v>598</v>
      </c>
      <c r="J257" s="3" t="s">
        <v>918</v>
      </c>
      <c r="K257" s="3" t="s">
        <v>32</v>
      </c>
      <c r="L257" s="3" t="s">
        <v>33</v>
      </c>
      <c r="M257" s="3" t="s">
        <v>34</v>
      </c>
      <c r="N257" s="3" t="s">
        <v>160</v>
      </c>
      <c r="O257" s="3" t="s">
        <v>36</v>
      </c>
      <c r="P257" s="3" t="s">
        <v>37</v>
      </c>
      <c r="Q257" s="3" t="s">
        <v>37</v>
      </c>
      <c r="R257" s="3" t="s">
        <v>38</v>
      </c>
      <c r="S257" s="3" t="s">
        <v>919</v>
      </c>
      <c r="T257" s="3" t="s">
        <v>37</v>
      </c>
      <c r="U257" s="3" t="s">
        <v>37</v>
      </c>
      <c r="V257" s="3" t="s">
        <v>37</v>
      </c>
    </row>
    <row r="258" spans="1:22" x14ac:dyDescent="0.25">
      <c r="A258" s="3" t="s">
        <v>22</v>
      </c>
      <c r="B258" s="4" t="s">
        <v>897</v>
      </c>
      <c r="C258" s="3" t="s">
        <v>898</v>
      </c>
      <c r="D258" s="5" t="s">
        <v>301</v>
      </c>
      <c r="E258" s="3" t="s">
        <v>452</v>
      </c>
      <c r="F258" s="3" t="s">
        <v>920</v>
      </c>
      <c r="G258" s="3" t="s">
        <v>228</v>
      </c>
      <c r="H258" s="3" t="s">
        <v>64</v>
      </c>
      <c r="I258" s="3" t="s">
        <v>454</v>
      </c>
      <c r="J258" s="3" t="s">
        <v>921</v>
      </c>
      <c r="K258" s="3" t="s">
        <v>32</v>
      </c>
      <c r="L258" s="3" t="s">
        <v>33</v>
      </c>
      <c r="M258" s="3" t="s">
        <v>66</v>
      </c>
      <c r="N258" s="3" t="s">
        <v>160</v>
      </c>
      <c r="O258" s="3" t="s">
        <v>127</v>
      </c>
      <c r="P258" s="3" t="s">
        <v>37</v>
      </c>
      <c r="Q258" s="3" t="s">
        <v>37</v>
      </c>
      <c r="R258" s="3" t="s">
        <v>38</v>
      </c>
      <c r="S258" s="3" t="s">
        <v>922</v>
      </c>
      <c r="T258" s="3" t="s">
        <v>37</v>
      </c>
      <c r="U258" s="3" t="s">
        <v>37</v>
      </c>
      <c r="V258" s="3" t="s">
        <v>37</v>
      </c>
    </row>
    <row r="259" spans="1:22" x14ac:dyDescent="0.25">
      <c r="A259" s="3" t="s">
        <v>22</v>
      </c>
      <c r="B259" s="4" t="s">
        <v>897</v>
      </c>
      <c r="C259" s="3" t="s">
        <v>898</v>
      </c>
      <c r="D259" s="5" t="s">
        <v>102</v>
      </c>
      <c r="E259" s="3" t="s">
        <v>452</v>
      </c>
      <c r="F259" s="3" t="s">
        <v>923</v>
      </c>
      <c r="G259" s="3" t="s">
        <v>104</v>
      </c>
      <c r="H259" s="3" t="s">
        <v>64</v>
      </c>
      <c r="I259" s="3" t="s">
        <v>454</v>
      </c>
      <c r="J259" s="3" t="s">
        <v>924</v>
      </c>
      <c r="K259" s="3" t="s">
        <v>32</v>
      </c>
      <c r="L259" s="3" t="s">
        <v>33</v>
      </c>
      <c r="M259" s="3" t="s">
        <v>66</v>
      </c>
      <c r="N259" s="3" t="s">
        <v>160</v>
      </c>
      <c r="O259" s="3" t="s">
        <v>127</v>
      </c>
      <c r="P259" s="3" t="s">
        <v>37</v>
      </c>
      <c r="Q259" s="3" t="s">
        <v>37</v>
      </c>
      <c r="R259" s="3" t="s">
        <v>38</v>
      </c>
      <c r="S259" s="3" t="s">
        <v>925</v>
      </c>
      <c r="T259" s="3" t="s">
        <v>37</v>
      </c>
      <c r="U259" s="3" t="s">
        <v>37</v>
      </c>
      <c r="V259" s="3" t="s">
        <v>37</v>
      </c>
    </row>
    <row r="260" spans="1:22" x14ac:dyDescent="0.25">
      <c r="A260" s="3" t="s">
        <v>22</v>
      </c>
      <c r="B260" s="4" t="s">
        <v>897</v>
      </c>
      <c r="C260" s="3" t="s">
        <v>898</v>
      </c>
      <c r="D260" s="5" t="s">
        <v>305</v>
      </c>
      <c r="E260" s="3" t="s">
        <v>452</v>
      </c>
      <c r="F260" s="3" t="s">
        <v>926</v>
      </c>
      <c r="G260" s="3" t="s">
        <v>274</v>
      </c>
      <c r="H260" s="3" t="s">
        <v>64</v>
      </c>
      <c r="I260" s="3" t="s">
        <v>454</v>
      </c>
      <c r="J260" s="3" t="s">
        <v>927</v>
      </c>
      <c r="K260" s="3" t="s">
        <v>32</v>
      </c>
      <c r="L260" s="3" t="s">
        <v>33</v>
      </c>
      <c r="M260" s="3" t="s">
        <v>66</v>
      </c>
      <c r="N260" s="3" t="s">
        <v>160</v>
      </c>
      <c r="O260" s="3" t="s">
        <v>127</v>
      </c>
      <c r="P260" s="3" t="s">
        <v>37</v>
      </c>
      <c r="Q260" s="3" t="s">
        <v>37</v>
      </c>
      <c r="R260" s="3" t="s">
        <v>38</v>
      </c>
      <c r="S260" s="3" t="s">
        <v>928</v>
      </c>
      <c r="T260" s="3" t="s">
        <v>37</v>
      </c>
      <c r="U260" s="3" t="s">
        <v>37</v>
      </c>
      <c r="V260" s="3" t="s">
        <v>37</v>
      </c>
    </row>
    <row r="261" spans="1:22" x14ac:dyDescent="0.25">
      <c r="A261" s="3" t="s">
        <v>22</v>
      </c>
      <c r="B261" s="4" t="s">
        <v>897</v>
      </c>
      <c r="C261" s="3" t="s">
        <v>898</v>
      </c>
      <c r="D261" s="5" t="s">
        <v>463</v>
      </c>
      <c r="E261" s="3" t="s">
        <v>46</v>
      </c>
      <c r="F261" s="3" t="s">
        <v>273</v>
      </c>
      <c r="G261" s="3" t="s">
        <v>274</v>
      </c>
      <c r="H261" s="3" t="s">
        <v>64</v>
      </c>
      <c r="I261" s="3" t="s">
        <v>49</v>
      </c>
      <c r="J261" s="3" t="s">
        <v>275</v>
      </c>
      <c r="K261" s="3" t="s">
        <v>32</v>
      </c>
      <c r="L261" s="3" t="s">
        <v>33</v>
      </c>
      <c r="M261" s="3" t="s">
        <v>34</v>
      </c>
      <c r="N261" s="3" t="s">
        <v>35</v>
      </c>
      <c r="O261" s="3" t="s">
        <v>52</v>
      </c>
      <c r="P261" s="3" t="s">
        <v>53</v>
      </c>
      <c r="Q261" s="3" t="s">
        <v>72</v>
      </c>
      <c r="R261" s="3" t="s">
        <v>38</v>
      </c>
      <c r="S261" s="3" t="s">
        <v>276</v>
      </c>
      <c r="T261" s="3" t="s">
        <v>37</v>
      </c>
      <c r="U261" s="3" t="s">
        <v>37</v>
      </c>
      <c r="V261" s="3" t="s">
        <v>37</v>
      </c>
    </row>
    <row r="262" spans="1:22" x14ac:dyDescent="0.25">
      <c r="A262" s="3" t="s">
        <v>22</v>
      </c>
      <c r="B262" s="4" t="s">
        <v>897</v>
      </c>
      <c r="C262" s="3" t="s">
        <v>898</v>
      </c>
      <c r="D262" s="5" t="s">
        <v>468</v>
      </c>
      <c r="E262" s="3" t="s">
        <v>46</v>
      </c>
      <c r="F262" s="3" t="s">
        <v>697</v>
      </c>
      <c r="G262" s="3" t="s">
        <v>233</v>
      </c>
      <c r="H262" s="3" t="s">
        <v>29</v>
      </c>
      <c r="I262" s="3" t="s">
        <v>49</v>
      </c>
      <c r="J262" s="3" t="s">
        <v>987</v>
      </c>
      <c r="K262" s="3" t="s">
        <v>32</v>
      </c>
      <c r="L262" s="3" t="s">
        <v>33</v>
      </c>
      <c r="M262" s="3" t="s">
        <v>34</v>
      </c>
      <c r="N262" s="3" t="s">
        <v>51</v>
      </c>
      <c r="O262" s="3" t="s">
        <v>52</v>
      </c>
      <c r="P262" s="3" t="s">
        <v>53</v>
      </c>
      <c r="Q262" s="3" t="s">
        <v>37</v>
      </c>
      <c r="R262" s="3" t="s">
        <v>38</v>
      </c>
      <c r="S262" s="3" t="s">
        <v>699</v>
      </c>
      <c r="T262" s="3" t="s">
        <v>37</v>
      </c>
      <c r="U262" s="3" t="s">
        <v>37</v>
      </c>
      <c r="V262" s="3" t="s">
        <v>37</v>
      </c>
    </row>
    <row r="263" spans="1:22" x14ac:dyDescent="0.25">
      <c r="A263" s="3" t="s">
        <v>22</v>
      </c>
      <c r="B263" s="4" t="s">
        <v>897</v>
      </c>
      <c r="C263" s="3" t="s">
        <v>898</v>
      </c>
      <c r="D263" s="5" t="s">
        <v>472</v>
      </c>
      <c r="E263" s="3" t="s">
        <v>473</v>
      </c>
      <c r="F263" s="3" t="s">
        <v>929</v>
      </c>
      <c r="G263" s="3" t="s">
        <v>165</v>
      </c>
      <c r="H263" s="3" t="s">
        <v>64</v>
      </c>
      <c r="I263" s="3" t="s">
        <v>476</v>
      </c>
      <c r="J263" s="3" t="s">
        <v>930</v>
      </c>
      <c r="K263" s="3" t="s">
        <v>32</v>
      </c>
      <c r="L263" s="3" t="s">
        <v>33</v>
      </c>
      <c r="M263" s="3" t="s">
        <v>34</v>
      </c>
      <c r="N263" s="3" t="s">
        <v>71</v>
      </c>
      <c r="O263" s="3" t="s">
        <v>127</v>
      </c>
      <c r="P263" s="3" t="s">
        <v>37</v>
      </c>
      <c r="Q263" s="3" t="s">
        <v>72</v>
      </c>
      <c r="R263" s="3" t="s">
        <v>38</v>
      </c>
      <c r="S263" s="3" t="s">
        <v>931</v>
      </c>
      <c r="T263" s="3" t="s">
        <v>37</v>
      </c>
      <c r="U263" s="3" t="s">
        <v>37</v>
      </c>
      <c r="V263" s="3" t="s">
        <v>37</v>
      </c>
    </row>
    <row r="264" spans="1:22" x14ac:dyDescent="0.25">
      <c r="A264" s="3" t="s">
        <v>22</v>
      </c>
      <c r="B264" s="4" t="s">
        <v>897</v>
      </c>
      <c r="C264" s="3" t="s">
        <v>898</v>
      </c>
      <c r="D264" s="5" t="s">
        <v>117</v>
      </c>
      <c r="E264" s="3" t="s">
        <v>473</v>
      </c>
      <c r="F264" s="3" t="s">
        <v>932</v>
      </c>
      <c r="G264" s="3" t="s">
        <v>170</v>
      </c>
      <c r="H264" s="3" t="s">
        <v>64</v>
      </c>
      <c r="I264" s="3" t="s">
        <v>476</v>
      </c>
      <c r="J264" s="3" t="s">
        <v>933</v>
      </c>
      <c r="K264" s="3" t="s">
        <v>32</v>
      </c>
      <c r="L264" s="3" t="s">
        <v>33</v>
      </c>
      <c r="M264" s="3" t="s">
        <v>34</v>
      </c>
      <c r="N264" s="3" t="s">
        <v>71</v>
      </c>
      <c r="O264" s="3" t="s">
        <v>127</v>
      </c>
      <c r="P264" s="3" t="s">
        <v>37</v>
      </c>
      <c r="Q264" s="3" t="s">
        <v>72</v>
      </c>
      <c r="R264" s="3" t="s">
        <v>38</v>
      </c>
      <c r="S264" s="3" t="s">
        <v>934</v>
      </c>
      <c r="T264" s="3" t="s">
        <v>37</v>
      </c>
      <c r="U264" s="3" t="s">
        <v>37</v>
      </c>
      <c r="V264" s="3" t="s">
        <v>37</v>
      </c>
    </row>
    <row r="265" spans="1:22" x14ac:dyDescent="0.25">
      <c r="A265" s="3" t="s">
        <v>22</v>
      </c>
      <c r="B265" s="4" t="s">
        <v>897</v>
      </c>
      <c r="C265" s="3" t="s">
        <v>898</v>
      </c>
      <c r="D265" s="5" t="s">
        <v>483</v>
      </c>
      <c r="E265" s="3" t="s">
        <v>473</v>
      </c>
      <c r="F265" s="3" t="s">
        <v>935</v>
      </c>
      <c r="G265" s="3" t="s">
        <v>48</v>
      </c>
      <c r="H265" s="3" t="s">
        <v>64</v>
      </c>
      <c r="I265" s="3" t="s">
        <v>476</v>
      </c>
      <c r="J265" s="3" t="s">
        <v>936</v>
      </c>
      <c r="K265" s="3" t="s">
        <v>32</v>
      </c>
      <c r="L265" s="3" t="s">
        <v>33</v>
      </c>
      <c r="M265" s="3" t="s">
        <v>34</v>
      </c>
      <c r="N265" s="3" t="s">
        <v>71</v>
      </c>
      <c r="O265" s="3" t="s">
        <v>127</v>
      </c>
      <c r="P265" s="3" t="s">
        <v>37</v>
      </c>
      <c r="Q265" s="3" t="s">
        <v>72</v>
      </c>
      <c r="R265" s="3" t="s">
        <v>38</v>
      </c>
      <c r="S265" s="3" t="s">
        <v>937</v>
      </c>
      <c r="T265" s="3" t="s">
        <v>37</v>
      </c>
      <c r="U265" s="3" t="s">
        <v>37</v>
      </c>
      <c r="V265" s="3" t="s">
        <v>37</v>
      </c>
    </row>
    <row r="266" spans="1:22" x14ac:dyDescent="0.25">
      <c r="A266" s="3" t="s">
        <v>22</v>
      </c>
      <c r="B266" s="4" t="s">
        <v>897</v>
      </c>
      <c r="C266" s="3" t="s">
        <v>898</v>
      </c>
      <c r="D266" s="5" t="s">
        <v>487</v>
      </c>
      <c r="E266" s="3" t="s">
        <v>473</v>
      </c>
      <c r="F266" s="3" t="s">
        <v>938</v>
      </c>
      <c r="G266" s="3" t="s">
        <v>184</v>
      </c>
      <c r="H266" s="3" t="s">
        <v>64</v>
      </c>
      <c r="I266" s="3" t="s">
        <v>476</v>
      </c>
      <c r="J266" s="3" t="s">
        <v>939</v>
      </c>
      <c r="K266" s="3" t="s">
        <v>32</v>
      </c>
      <c r="L266" s="3" t="s">
        <v>33</v>
      </c>
      <c r="M266" s="3" t="s">
        <v>34</v>
      </c>
      <c r="N266" s="3" t="s">
        <v>71</v>
      </c>
      <c r="O266" s="3" t="s">
        <v>127</v>
      </c>
      <c r="P266" s="3" t="s">
        <v>37</v>
      </c>
      <c r="Q266" s="3" t="s">
        <v>72</v>
      </c>
      <c r="R266" s="3" t="s">
        <v>38</v>
      </c>
      <c r="S266" s="3" t="s">
        <v>940</v>
      </c>
      <c r="T266" s="3" t="s">
        <v>37</v>
      </c>
      <c r="U266" s="3" t="s">
        <v>37</v>
      </c>
      <c r="V266" s="3" t="s">
        <v>37</v>
      </c>
    </row>
    <row r="267" spans="1:22" x14ac:dyDescent="0.25">
      <c r="A267" s="3" t="s">
        <v>22</v>
      </c>
      <c r="B267" s="4" t="s">
        <v>897</v>
      </c>
      <c r="C267" s="3" t="s">
        <v>898</v>
      </c>
      <c r="D267" s="5" t="s">
        <v>491</v>
      </c>
      <c r="E267" s="3" t="s">
        <v>46</v>
      </c>
      <c r="F267" s="3" t="s">
        <v>941</v>
      </c>
      <c r="G267" s="3" t="s">
        <v>195</v>
      </c>
      <c r="H267" s="3" t="s">
        <v>29</v>
      </c>
      <c r="I267" s="3" t="s">
        <v>49</v>
      </c>
      <c r="J267" s="3" t="s">
        <v>942</v>
      </c>
      <c r="K267" s="3" t="s">
        <v>32</v>
      </c>
      <c r="L267" s="3" t="s">
        <v>33</v>
      </c>
      <c r="M267" s="3" t="s">
        <v>34</v>
      </c>
      <c r="N267" s="3" t="s">
        <v>51</v>
      </c>
      <c r="O267" s="3" t="s">
        <v>52</v>
      </c>
      <c r="P267" s="3" t="s">
        <v>53</v>
      </c>
      <c r="Q267" s="3" t="s">
        <v>37</v>
      </c>
      <c r="R267" s="3" t="s">
        <v>38</v>
      </c>
      <c r="S267" s="3" t="s">
        <v>943</v>
      </c>
      <c r="T267" s="3" t="s">
        <v>37</v>
      </c>
      <c r="U267" s="3" t="s">
        <v>37</v>
      </c>
      <c r="V267" s="3" t="s">
        <v>37</v>
      </c>
    </row>
    <row r="268" spans="1:22" x14ac:dyDescent="0.25">
      <c r="A268" s="3" t="s">
        <v>22</v>
      </c>
      <c r="B268" s="4" t="s">
        <v>897</v>
      </c>
      <c r="C268" s="3" t="s">
        <v>898</v>
      </c>
      <c r="D268" s="5" t="s">
        <v>495</v>
      </c>
      <c r="E268" s="3" t="s">
        <v>46</v>
      </c>
      <c r="F268" s="3" t="s">
        <v>944</v>
      </c>
      <c r="G268" s="3" t="s">
        <v>422</v>
      </c>
      <c r="H268" s="3" t="s">
        <v>29</v>
      </c>
      <c r="I268" s="3" t="s">
        <v>49</v>
      </c>
      <c r="J268" s="3" t="s">
        <v>945</v>
      </c>
      <c r="K268" s="3" t="s">
        <v>32</v>
      </c>
      <c r="L268" s="3" t="s">
        <v>33</v>
      </c>
      <c r="M268" s="3" t="s">
        <v>34</v>
      </c>
      <c r="N268" s="3" t="s">
        <v>51</v>
      </c>
      <c r="O268" s="3" t="s">
        <v>52</v>
      </c>
      <c r="P268" s="3" t="s">
        <v>53</v>
      </c>
      <c r="Q268" s="3" t="s">
        <v>37</v>
      </c>
      <c r="R268" s="3" t="s">
        <v>38</v>
      </c>
      <c r="S268" s="3" t="s">
        <v>946</v>
      </c>
      <c r="T268" s="3" t="s">
        <v>37</v>
      </c>
      <c r="U268" s="3" t="s">
        <v>37</v>
      </c>
      <c r="V268" s="3" t="s">
        <v>37</v>
      </c>
    </row>
    <row r="269" spans="1:22" x14ac:dyDescent="0.25">
      <c r="A269" s="3" t="s">
        <v>22</v>
      </c>
      <c r="B269" s="4" t="s">
        <v>897</v>
      </c>
      <c r="C269" s="3" t="s">
        <v>898</v>
      </c>
      <c r="D269" s="5" t="s">
        <v>140</v>
      </c>
      <c r="E269" s="3" t="s">
        <v>155</v>
      </c>
      <c r="F269" s="3" t="s">
        <v>947</v>
      </c>
      <c r="G269" s="3" t="s">
        <v>426</v>
      </c>
      <c r="H269" s="3" t="s">
        <v>29</v>
      </c>
      <c r="I269" s="3" t="s">
        <v>37</v>
      </c>
      <c r="J269" s="3" t="s">
        <v>948</v>
      </c>
      <c r="K269" s="3" t="s">
        <v>32</v>
      </c>
      <c r="L269" s="3" t="s">
        <v>33</v>
      </c>
      <c r="M269" s="3" t="s">
        <v>34</v>
      </c>
      <c r="N269" s="3" t="s">
        <v>79</v>
      </c>
      <c r="O269" s="3" t="s">
        <v>36</v>
      </c>
      <c r="P269" s="3" t="s">
        <v>37</v>
      </c>
      <c r="Q269" s="3" t="s">
        <v>37</v>
      </c>
      <c r="R269" s="3" t="s">
        <v>38</v>
      </c>
      <c r="S269" s="3" t="s">
        <v>949</v>
      </c>
      <c r="T269" s="3" t="s">
        <v>37</v>
      </c>
      <c r="U269" s="3" t="s">
        <v>37</v>
      </c>
      <c r="V269" s="3" t="s">
        <v>37</v>
      </c>
    </row>
    <row r="270" spans="1:22" x14ac:dyDescent="0.25">
      <c r="A270" s="3" t="s">
        <v>22</v>
      </c>
      <c r="B270" s="4" t="s">
        <v>897</v>
      </c>
      <c r="C270" s="3" t="s">
        <v>898</v>
      </c>
      <c r="D270" s="5" t="s">
        <v>503</v>
      </c>
      <c r="E270" s="3" t="s">
        <v>155</v>
      </c>
      <c r="F270" s="3" t="s">
        <v>950</v>
      </c>
      <c r="G270" s="3" t="s">
        <v>228</v>
      </c>
      <c r="H270" s="3" t="s">
        <v>64</v>
      </c>
      <c r="I270" s="3" t="s">
        <v>158</v>
      </c>
      <c r="J270" s="3" t="s">
        <v>951</v>
      </c>
      <c r="K270" s="3" t="s">
        <v>32</v>
      </c>
      <c r="L270" s="3" t="s">
        <v>33</v>
      </c>
      <c r="M270" s="3" t="s">
        <v>34</v>
      </c>
      <c r="N270" s="3" t="s">
        <v>160</v>
      </c>
      <c r="O270" s="3" t="s">
        <v>161</v>
      </c>
      <c r="P270" s="3" t="s">
        <v>37</v>
      </c>
      <c r="Q270" s="3" t="s">
        <v>37</v>
      </c>
      <c r="R270" s="3" t="s">
        <v>38</v>
      </c>
      <c r="S270" s="3" t="s">
        <v>952</v>
      </c>
      <c r="T270" s="3" t="s">
        <v>37</v>
      </c>
      <c r="U270" s="3" t="s">
        <v>37</v>
      </c>
      <c r="V270" s="3" t="s">
        <v>37</v>
      </c>
    </row>
    <row r="271" spans="1:22" x14ac:dyDescent="0.25">
      <c r="A271" s="3" t="s">
        <v>22</v>
      </c>
      <c r="B271" s="4" t="s">
        <v>897</v>
      </c>
      <c r="C271" s="3" t="s">
        <v>898</v>
      </c>
      <c r="D271" s="5" t="s">
        <v>152</v>
      </c>
      <c r="E271" s="3" t="s">
        <v>508</v>
      </c>
      <c r="F271" s="3" t="s">
        <v>953</v>
      </c>
      <c r="G271" s="3" t="s">
        <v>954</v>
      </c>
      <c r="H271" s="3" t="s">
        <v>278</v>
      </c>
      <c r="I271" s="3" t="s">
        <v>642</v>
      </c>
      <c r="J271" s="3" t="s">
        <v>955</v>
      </c>
      <c r="K271" s="3" t="s">
        <v>32</v>
      </c>
      <c r="L271" s="3" t="s">
        <v>33</v>
      </c>
      <c r="M271" s="3" t="s">
        <v>66</v>
      </c>
      <c r="N271" s="3" t="s">
        <v>513</v>
      </c>
      <c r="O271" s="3" t="s">
        <v>52</v>
      </c>
      <c r="P271" s="3" t="s">
        <v>37</v>
      </c>
      <c r="Q271" s="3" t="s">
        <v>37</v>
      </c>
      <c r="R271" s="3" t="s">
        <v>38</v>
      </c>
      <c r="S271" s="3" t="s">
        <v>956</v>
      </c>
      <c r="T271" s="3" t="s">
        <v>37</v>
      </c>
      <c r="U271" s="3" t="s">
        <v>37</v>
      </c>
      <c r="V271" s="3" t="s">
        <v>37</v>
      </c>
    </row>
    <row r="272" spans="1:22" x14ac:dyDescent="0.25">
      <c r="A272" s="3" t="s">
        <v>22</v>
      </c>
      <c r="B272" s="4" t="s">
        <v>897</v>
      </c>
      <c r="C272" s="3" t="s">
        <v>898</v>
      </c>
      <c r="D272" s="5" t="s">
        <v>163</v>
      </c>
      <c r="E272" s="3" t="s">
        <v>508</v>
      </c>
      <c r="F272" s="3" t="s">
        <v>957</v>
      </c>
      <c r="G272" s="3" t="s">
        <v>958</v>
      </c>
      <c r="H272" s="3" t="s">
        <v>278</v>
      </c>
      <c r="I272" s="3" t="s">
        <v>660</v>
      </c>
      <c r="J272" s="3" t="s">
        <v>959</v>
      </c>
      <c r="K272" s="3" t="s">
        <v>32</v>
      </c>
      <c r="L272" s="3" t="s">
        <v>33</v>
      </c>
      <c r="M272" s="3" t="s">
        <v>66</v>
      </c>
      <c r="N272" s="3" t="s">
        <v>513</v>
      </c>
      <c r="O272" s="3" t="s">
        <v>52</v>
      </c>
      <c r="P272" s="3" t="s">
        <v>37</v>
      </c>
      <c r="Q272" s="3" t="s">
        <v>37</v>
      </c>
      <c r="R272" s="3" t="s">
        <v>38</v>
      </c>
      <c r="S272" s="3" t="s">
        <v>960</v>
      </c>
      <c r="T272" s="3" t="s">
        <v>37</v>
      </c>
      <c r="U272" s="3" t="s">
        <v>37</v>
      </c>
      <c r="V272" s="3" t="s">
        <v>37</v>
      </c>
    </row>
    <row r="273" spans="1:22" x14ac:dyDescent="0.25">
      <c r="A273" s="3" t="s">
        <v>22</v>
      </c>
      <c r="B273" s="4" t="s">
        <v>897</v>
      </c>
      <c r="C273" s="3" t="s">
        <v>898</v>
      </c>
      <c r="D273" s="5" t="s">
        <v>173</v>
      </c>
      <c r="E273" s="3" t="s">
        <v>46</v>
      </c>
      <c r="F273" s="3" t="s">
        <v>836</v>
      </c>
      <c r="G273" s="3" t="s">
        <v>28</v>
      </c>
      <c r="H273" s="3" t="s">
        <v>29</v>
      </c>
      <c r="I273" s="3" t="s">
        <v>49</v>
      </c>
      <c r="J273" s="3" t="s">
        <v>837</v>
      </c>
      <c r="K273" s="3" t="s">
        <v>32</v>
      </c>
      <c r="L273" s="3" t="s">
        <v>33</v>
      </c>
      <c r="M273" s="3" t="s">
        <v>34</v>
      </c>
      <c r="N273" s="3" t="s">
        <v>51</v>
      </c>
      <c r="O273" s="3" t="s">
        <v>52</v>
      </c>
      <c r="P273" s="3" t="s">
        <v>53</v>
      </c>
      <c r="Q273" s="3" t="s">
        <v>37</v>
      </c>
      <c r="R273" s="3" t="s">
        <v>38</v>
      </c>
      <c r="S273" s="3" t="s">
        <v>838</v>
      </c>
      <c r="T273" s="3" t="s">
        <v>37</v>
      </c>
      <c r="U273" s="3" t="s">
        <v>37</v>
      </c>
      <c r="V273" s="3" t="s">
        <v>37</v>
      </c>
    </row>
    <row r="274" spans="1:22" x14ac:dyDescent="0.25">
      <c r="A274" s="3" t="s">
        <v>22</v>
      </c>
      <c r="B274" s="4" t="s">
        <v>897</v>
      </c>
      <c r="C274" s="3" t="s">
        <v>898</v>
      </c>
      <c r="D274" s="5" t="s">
        <v>177</v>
      </c>
      <c r="E274" s="3" t="s">
        <v>46</v>
      </c>
      <c r="F274" s="3" t="s">
        <v>961</v>
      </c>
      <c r="G274" s="3" t="s">
        <v>42</v>
      </c>
      <c r="H274" s="3" t="s">
        <v>29</v>
      </c>
      <c r="I274" s="3" t="s">
        <v>49</v>
      </c>
      <c r="J274" s="3" t="s">
        <v>962</v>
      </c>
      <c r="K274" s="3" t="s">
        <v>32</v>
      </c>
      <c r="L274" s="3" t="s">
        <v>33</v>
      </c>
      <c r="M274" s="3" t="s">
        <v>34</v>
      </c>
      <c r="N274" s="3" t="s">
        <v>51</v>
      </c>
      <c r="O274" s="3" t="s">
        <v>52</v>
      </c>
      <c r="P274" s="3" t="s">
        <v>53</v>
      </c>
      <c r="Q274" s="3" t="s">
        <v>37</v>
      </c>
      <c r="R274" s="3" t="s">
        <v>38</v>
      </c>
      <c r="S274" s="3" t="s">
        <v>963</v>
      </c>
      <c r="T274" s="3" t="s">
        <v>37</v>
      </c>
      <c r="U274" s="3" t="s">
        <v>37</v>
      </c>
      <c r="V274" s="3" t="s">
        <v>37</v>
      </c>
    </row>
    <row r="275" spans="1:22" x14ac:dyDescent="0.25">
      <c r="A275" s="3" t="s">
        <v>22</v>
      </c>
      <c r="B275" s="4" t="s">
        <v>897</v>
      </c>
      <c r="C275" s="3" t="s">
        <v>898</v>
      </c>
      <c r="D275" s="5" t="s">
        <v>182</v>
      </c>
      <c r="E275" s="3" t="s">
        <v>46</v>
      </c>
      <c r="F275" s="3" t="s">
        <v>103</v>
      </c>
      <c r="G275" s="3" t="s">
        <v>104</v>
      </c>
      <c r="H275" s="3" t="s">
        <v>64</v>
      </c>
      <c r="I275" s="3" t="s">
        <v>49</v>
      </c>
      <c r="J275" s="3" t="s">
        <v>105</v>
      </c>
      <c r="K275" s="3" t="s">
        <v>32</v>
      </c>
      <c r="L275" s="3" t="s">
        <v>33</v>
      </c>
      <c r="M275" s="3" t="s">
        <v>34</v>
      </c>
      <c r="N275" s="3" t="s">
        <v>35</v>
      </c>
      <c r="O275" s="3" t="s">
        <v>52</v>
      </c>
      <c r="P275" s="3" t="s">
        <v>53</v>
      </c>
      <c r="Q275" s="3" t="s">
        <v>72</v>
      </c>
      <c r="R275" s="3" t="s">
        <v>38</v>
      </c>
      <c r="S275" s="3" t="s">
        <v>106</v>
      </c>
      <c r="T275" s="3" t="s">
        <v>37</v>
      </c>
      <c r="U275" s="3" t="s">
        <v>37</v>
      </c>
      <c r="V275" s="3" t="s">
        <v>37</v>
      </c>
    </row>
    <row r="276" spans="1:22" x14ac:dyDescent="0.25">
      <c r="A276" s="3" t="s">
        <v>22</v>
      </c>
      <c r="B276" s="4" t="s">
        <v>897</v>
      </c>
      <c r="C276" s="3" t="s">
        <v>898</v>
      </c>
      <c r="D276" s="5" t="s">
        <v>187</v>
      </c>
      <c r="E276" s="3" t="s">
        <v>46</v>
      </c>
      <c r="F276" s="3" t="s">
        <v>108</v>
      </c>
      <c r="G276" s="3" t="s">
        <v>63</v>
      </c>
      <c r="H276" s="3" t="s">
        <v>64</v>
      </c>
      <c r="I276" s="3" t="s">
        <v>49</v>
      </c>
      <c r="J276" s="3" t="s">
        <v>109</v>
      </c>
      <c r="K276" s="3" t="s">
        <v>32</v>
      </c>
      <c r="L276" s="3" t="s">
        <v>33</v>
      </c>
      <c r="M276" s="3" t="s">
        <v>34</v>
      </c>
      <c r="N276" s="3" t="s">
        <v>35</v>
      </c>
      <c r="O276" s="3" t="s">
        <v>52</v>
      </c>
      <c r="P276" s="3" t="s">
        <v>53</v>
      </c>
      <c r="Q276" s="3" t="s">
        <v>72</v>
      </c>
      <c r="R276" s="3" t="s">
        <v>38</v>
      </c>
      <c r="S276" s="3" t="s">
        <v>110</v>
      </c>
      <c r="T276" s="3" t="s">
        <v>37</v>
      </c>
      <c r="U276" s="3" t="s">
        <v>37</v>
      </c>
      <c r="V276" s="3" t="s">
        <v>37</v>
      </c>
    </row>
    <row r="277" spans="1:22" x14ac:dyDescent="0.25">
      <c r="A277" s="3" t="s">
        <v>22</v>
      </c>
      <c r="B277" s="4" t="s">
        <v>897</v>
      </c>
      <c r="C277" s="3" t="s">
        <v>898</v>
      </c>
      <c r="D277" s="5" t="s">
        <v>192</v>
      </c>
      <c r="E277" s="3" t="s">
        <v>237</v>
      </c>
      <c r="F277" s="3" t="s">
        <v>238</v>
      </c>
      <c r="G277" s="3" t="s">
        <v>278</v>
      </c>
      <c r="H277" s="3" t="s">
        <v>64</v>
      </c>
      <c r="I277" s="3" t="s">
        <v>37</v>
      </c>
      <c r="J277" s="3" t="s">
        <v>240</v>
      </c>
      <c r="K277" s="3" t="s">
        <v>32</v>
      </c>
      <c r="L277" s="3" t="s">
        <v>115</v>
      </c>
      <c r="M277" s="3" t="s">
        <v>66</v>
      </c>
      <c r="N277" s="3" t="s">
        <v>79</v>
      </c>
      <c r="O277" s="3" t="s">
        <v>36</v>
      </c>
      <c r="P277" s="3" t="s">
        <v>37</v>
      </c>
      <c r="Q277" s="3" t="s">
        <v>37</v>
      </c>
      <c r="R277" s="3" t="s">
        <v>38</v>
      </c>
      <c r="S277" s="3" t="s">
        <v>964</v>
      </c>
      <c r="T277" s="3" t="s">
        <v>129</v>
      </c>
      <c r="U277" s="3" t="s">
        <v>37</v>
      </c>
      <c r="V277" s="3" t="s">
        <v>37</v>
      </c>
    </row>
    <row r="278" spans="1:22" x14ac:dyDescent="0.25">
      <c r="A278" s="3" t="s">
        <v>22</v>
      </c>
      <c r="B278" s="4" t="s">
        <v>897</v>
      </c>
      <c r="C278" s="3" t="s">
        <v>898</v>
      </c>
      <c r="D278" s="5" t="s">
        <v>198</v>
      </c>
      <c r="E278" s="3" t="s">
        <v>237</v>
      </c>
      <c r="F278" s="3" t="s">
        <v>238</v>
      </c>
      <c r="G278" s="3" t="s">
        <v>63</v>
      </c>
      <c r="H278" s="3" t="s">
        <v>64</v>
      </c>
      <c r="I278" s="3" t="s">
        <v>37</v>
      </c>
      <c r="J278" s="3" t="s">
        <v>240</v>
      </c>
      <c r="K278" s="3" t="s">
        <v>32</v>
      </c>
      <c r="L278" s="3" t="s">
        <v>115</v>
      </c>
      <c r="M278" s="3" t="s">
        <v>66</v>
      </c>
      <c r="N278" s="3" t="s">
        <v>79</v>
      </c>
      <c r="O278" s="3" t="s">
        <v>36</v>
      </c>
      <c r="P278" s="3" t="s">
        <v>37</v>
      </c>
      <c r="Q278" s="3" t="s">
        <v>37</v>
      </c>
      <c r="R278" s="3" t="s">
        <v>38</v>
      </c>
      <c r="S278" s="3" t="s">
        <v>965</v>
      </c>
      <c r="T278" s="3" t="s">
        <v>129</v>
      </c>
      <c r="U278" s="3" t="s">
        <v>37</v>
      </c>
      <c r="V278" s="3" t="s">
        <v>37</v>
      </c>
    </row>
    <row r="279" spans="1:22" x14ac:dyDescent="0.25">
      <c r="A279" s="3" t="s">
        <v>22</v>
      </c>
      <c r="B279" s="4" t="s">
        <v>897</v>
      </c>
      <c r="C279" s="3" t="s">
        <v>898</v>
      </c>
      <c r="D279" s="5" t="s">
        <v>203</v>
      </c>
      <c r="E279" s="3" t="s">
        <v>237</v>
      </c>
      <c r="F279" s="3" t="s">
        <v>238</v>
      </c>
      <c r="G279" s="3" t="s">
        <v>222</v>
      </c>
      <c r="H279" s="3" t="s">
        <v>64</v>
      </c>
      <c r="I279" s="3" t="s">
        <v>37</v>
      </c>
      <c r="J279" s="3" t="s">
        <v>240</v>
      </c>
      <c r="K279" s="3" t="s">
        <v>32</v>
      </c>
      <c r="L279" s="3" t="s">
        <v>115</v>
      </c>
      <c r="M279" s="3" t="s">
        <v>66</v>
      </c>
      <c r="N279" s="3" t="s">
        <v>79</v>
      </c>
      <c r="O279" s="3" t="s">
        <v>36</v>
      </c>
      <c r="P279" s="3" t="s">
        <v>37</v>
      </c>
      <c r="Q279" s="3" t="s">
        <v>37</v>
      </c>
      <c r="R279" s="3" t="s">
        <v>38</v>
      </c>
      <c r="S279" s="3" t="s">
        <v>966</v>
      </c>
      <c r="T279" s="3" t="s">
        <v>129</v>
      </c>
      <c r="U279" s="3" t="s">
        <v>37</v>
      </c>
      <c r="V279" s="3" t="s">
        <v>37</v>
      </c>
    </row>
    <row r="280" spans="1:22" x14ac:dyDescent="0.25">
      <c r="A280" s="3" t="s">
        <v>22</v>
      </c>
      <c r="B280" s="4" t="s">
        <v>897</v>
      </c>
      <c r="C280" s="3" t="s">
        <v>898</v>
      </c>
      <c r="D280" s="5" t="s">
        <v>207</v>
      </c>
      <c r="E280" s="3" t="s">
        <v>46</v>
      </c>
      <c r="F280" s="3" t="s">
        <v>867</v>
      </c>
      <c r="G280" s="3" t="s">
        <v>120</v>
      </c>
      <c r="H280" s="3" t="s">
        <v>64</v>
      </c>
      <c r="I280" s="3" t="s">
        <v>49</v>
      </c>
      <c r="J280" s="3" t="s">
        <v>868</v>
      </c>
      <c r="K280" s="3" t="s">
        <v>32</v>
      </c>
      <c r="L280" s="3" t="s">
        <v>33</v>
      </c>
      <c r="M280" s="3" t="s">
        <v>34</v>
      </c>
      <c r="N280" s="3" t="s">
        <v>35</v>
      </c>
      <c r="O280" s="3" t="s">
        <v>52</v>
      </c>
      <c r="P280" s="3" t="s">
        <v>53</v>
      </c>
      <c r="Q280" s="3" t="s">
        <v>72</v>
      </c>
      <c r="R280" s="3" t="s">
        <v>38</v>
      </c>
      <c r="S280" s="3" t="s">
        <v>869</v>
      </c>
      <c r="T280" s="3" t="s">
        <v>37</v>
      </c>
      <c r="U280" s="3" t="s">
        <v>37</v>
      </c>
      <c r="V280" s="3" t="s">
        <v>37</v>
      </c>
    </row>
    <row r="281" spans="1:22" x14ac:dyDescent="0.25">
      <c r="A281" s="3" t="s">
        <v>22</v>
      </c>
      <c r="B281" s="4" t="s">
        <v>897</v>
      </c>
      <c r="C281" s="3" t="s">
        <v>898</v>
      </c>
      <c r="D281" s="5" t="s">
        <v>370</v>
      </c>
      <c r="E281" s="3" t="s">
        <v>46</v>
      </c>
      <c r="F281" s="3" t="s">
        <v>351</v>
      </c>
      <c r="G281" s="3" t="s">
        <v>352</v>
      </c>
      <c r="H281" s="3" t="s">
        <v>64</v>
      </c>
      <c r="I281" s="3" t="s">
        <v>49</v>
      </c>
      <c r="J281" s="3" t="s">
        <v>353</v>
      </c>
      <c r="K281" s="3" t="s">
        <v>32</v>
      </c>
      <c r="L281" s="3" t="s">
        <v>33</v>
      </c>
      <c r="M281" s="3" t="s">
        <v>34</v>
      </c>
      <c r="N281" s="3" t="s">
        <v>35</v>
      </c>
      <c r="O281" s="3" t="s">
        <v>52</v>
      </c>
      <c r="P281" s="3" t="s">
        <v>53</v>
      </c>
      <c r="Q281" s="3" t="s">
        <v>72</v>
      </c>
      <c r="R281" s="3" t="s">
        <v>38</v>
      </c>
      <c r="S281" s="3" t="s">
        <v>354</v>
      </c>
      <c r="T281" s="3" t="s">
        <v>37</v>
      </c>
      <c r="U281" s="3" t="s">
        <v>37</v>
      </c>
      <c r="V281" s="3" t="s">
        <v>37</v>
      </c>
    </row>
    <row r="282" spans="1:22" x14ac:dyDescent="0.25">
      <c r="A282" s="3" t="s">
        <v>22</v>
      </c>
      <c r="B282" s="4" t="s">
        <v>897</v>
      </c>
      <c r="C282" s="3" t="s">
        <v>898</v>
      </c>
      <c r="D282" s="5" t="s">
        <v>539</v>
      </c>
      <c r="E282" s="3" t="s">
        <v>46</v>
      </c>
      <c r="F282" s="3" t="s">
        <v>355</v>
      </c>
      <c r="G282" s="3" t="s">
        <v>153</v>
      </c>
      <c r="H282" s="3" t="s">
        <v>64</v>
      </c>
      <c r="I282" s="3" t="s">
        <v>49</v>
      </c>
      <c r="J282" s="3" t="s">
        <v>356</v>
      </c>
      <c r="K282" s="3" t="s">
        <v>32</v>
      </c>
      <c r="L282" s="3" t="s">
        <v>33</v>
      </c>
      <c r="M282" s="3" t="s">
        <v>34</v>
      </c>
      <c r="N282" s="3" t="s">
        <v>35</v>
      </c>
      <c r="O282" s="3" t="s">
        <v>52</v>
      </c>
      <c r="P282" s="3" t="s">
        <v>53</v>
      </c>
      <c r="Q282" s="3" t="s">
        <v>72</v>
      </c>
      <c r="R282" s="3" t="s">
        <v>38</v>
      </c>
      <c r="S282" s="3" t="s">
        <v>357</v>
      </c>
      <c r="T282" s="3" t="s">
        <v>37</v>
      </c>
      <c r="U282" s="3" t="s">
        <v>37</v>
      </c>
      <c r="V282" s="3" t="s">
        <v>37</v>
      </c>
    </row>
    <row r="283" spans="1:22" x14ac:dyDescent="0.25">
      <c r="A283" s="3" t="s">
        <v>22</v>
      </c>
      <c r="B283" s="4" t="s">
        <v>897</v>
      </c>
      <c r="C283" s="3" t="s">
        <v>898</v>
      </c>
      <c r="D283" s="5" t="s">
        <v>546</v>
      </c>
      <c r="E283" s="3" t="s">
        <v>46</v>
      </c>
      <c r="F283" s="3" t="s">
        <v>967</v>
      </c>
      <c r="G283" s="3" t="s">
        <v>239</v>
      </c>
      <c r="H283" s="3" t="s">
        <v>64</v>
      </c>
      <c r="I283" s="3" t="s">
        <v>49</v>
      </c>
      <c r="J283" s="3" t="s">
        <v>968</v>
      </c>
      <c r="K283" s="3" t="s">
        <v>32</v>
      </c>
      <c r="L283" s="3" t="s">
        <v>33</v>
      </c>
      <c r="M283" s="3" t="s">
        <v>34</v>
      </c>
      <c r="N283" s="3" t="s">
        <v>35</v>
      </c>
      <c r="O283" s="3" t="s">
        <v>52</v>
      </c>
      <c r="P283" s="3" t="s">
        <v>53</v>
      </c>
      <c r="Q283" s="3" t="s">
        <v>72</v>
      </c>
      <c r="R283" s="3" t="s">
        <v>38</v>
      </c>
      <c r="S283" s="3" t="s">
        <v>969</v>
      </c>
      <c r="T283" s="3" t="s">
        <v>37</v>
      </c>
      <c r="U283" s="3" t="s">
        <v>37</v>
      </c>
      <c r="V283" s="3" t="s">
        <v>37</v>
      </c>
    </row>
    <row r="284" spans="1:22" x14ac:dyDescent="0.25">
      <c r="A284" s="3" t="s">
        <v>22</v>
      </c>
      <c r="B284" s="4" t="s">
        <v>897</v>
      </c>
      <c r="C284" s="3" t="s">
        <v>898</v>
      </c>
      <c r="D284" s="5" t="s">
        <v>216</v>
      </c>
      <c r="E284" s="3" t="s">
        <v>550</v>
      </c>
      <c r="F284" s="3" t="s">
        <v>970</v>
      </c>
      <c r="G284" s="3" t="s">
        <v>233</v>
      </c>
      <c r="H284" s="3" t="s">
        <v>29</v>
      </c>
      <c r="I284" s="3" t="s">
        <v>971</v>
      </c>
      <c r="J284" s="3" t="s">
        <v>972</v>
      </c>
      <c r="K284" s="3" t="s">
        <v>32</v>
      </c>
      <c r="L284" s="3" t="s">
        <v>115</v>
      </c>
      <c r="M284" s="3" t="s">
        <v>66</v>
      </c>
      <c r="N284" s="3" t="s">
        <v>51</v>
      </c>
      <c r="O284" s="3" t="s">
        <v>36</v>
      </c>
      <c r="P284" s="3" t="s">
        <v>37</v>
      </c>
      <c r="Q284" s="3" t="s">
        <v>37</v>
      </c>
      <c r="R284" s="3" t="s">
        <v>38</v>
      </c>
      <c r="S284" s="3" t="s">
        <v>973</v>
      </c>
      <c r="T284" s="3" t="s">
        <v>37</v>
      </c>
      <c r="U284" s="3" t="s">
        <v>37</v>
      </c>
      <c r="V284" s="3" t="s">
        <v>37</v>
      </c>
    </row>
    <row r="285" spans="1:22" x14ac:dyDescent="0.25">
      <c r="A285" s="3" t="s">
        <v>22</v>
      </c>
      <c r="B285" s="4" t="s">
        <v>897</v>
      </c>
      <c r="C285" s="3" t="s">
        <v>898</v>
      </c>
      <c r="D285" s="5" t="s">
        <v>220</v>
      </c>
      <c r="E285" s="3" t="s">
        <v>550</v>
      </c>
      <c r="F285" s="3" t="s">
        <v>974</v>
      </c>
      <c r="G285" s="3" t="s">
        <v>761</v>
      </c>
      <c r="H285" s="3" t="s">
        <v>29</v>
      </c>
      <c r="I285" s="3" t="s">
        <v>975</v>
      </c>
      <c r="J285" s="3" t="s">
        <v>976</v>
      </c>
      <c r="K285" s="3" t="s">
        <v>32</v>
      </c>
      <c r="L285" s="3" t="s">
        <v>115</v>
      </c>
      <c r="M285" s="3" t="s">
        <v>66</v>
      </c>
      <c r="N285" s="3" t="s">
        <v>51</v>
      </c>
      <c r="O285" s="3" t="s">
        <v>52</v>
      </c>
      <c r="P285" s="3" t="s">
        <v>37</v>
      </c>
      <c r="Q285" s="3" t="s">
        <v>37</v>
      </c>
      <c r="R285" s="3" t="s">
        <v>38</v>
      </c>
      <c r="S285" s="3" t="s">
        <v>977</v>
      </c>
      <c r="T285" s="3" t="s">
        <v>37</v>
      </c>
      <c r="U285" s="3" t="s">
        <v>37</v>
      </c>
      <c r="V285" s="3" t="s">
        <v>37</v>
      </c>
    </row>
    <row r="286" spans="1:22" x14ac:dyDescent="0.25">
      <c r="A286" s="3" t="s">
        <v>22</v>
      </c>
      <c r="B286" s="4" t="s">
        <v>897</v>
      </c>
      <c r="C286" s="3" t="s">
        <v>898</v>
      </c>
      <c r="D286" s="5" t="s">
        <v>225</v>
      </c>
      <c r="E286" s="3" t="s">
        <v>193</v>
      </c>
      <c r="F286" s="3" t="s">
        <v>978</v>
      </c>
      <c r="G286" s="3" t="s">
        <v>307</v>
      </c>
      <c r="H286" s="3" t="s">
        <v>29</v>
      </c>
      <c r="I286" s="3" t="s">
        <v>37</v>
      </c>
      <c r="J286" s="3" t="s">
        <v>979</v>
      </c>
      <c r="K286" s="3" t="s">
        <v>32</v>
      </c>
      <c r="L286" s="3" t="s">
        <v>115</v>
      </c>
      <c r="M286" s="3" t="s">
        <v>66</v>
      </c>
      <c r="N286" s="3" t="s">
        <v>79</v>
      </c>
      <c r="O286" s="3" t="s">
        <v>37</v>
      </c>
      <c r="P286" s="3" t="s">
        <v>37</v>
      </c>
      <c r="Q286" s="3" t="s">
        <v>37</v>
      </c>
      <c r="R286" s="3" t="s">
        <v>38</v>
      </c>
      <c r="S286" s="3" t="s">
        <v>980</v>
      </c>
      <c r="T286" s="3" t="s">
        <v>37</v>
      </c>
      <c r="U286" s="3" t="s">
        <v>37</v>
      </c>
      <c r="V286" s="3" t="s">
        <v>37</v>
      </c>
    </row>
    <row r="287" spans="1:22" x14ac:dyDescent="0.25">
      <c r="A287" s="3" t="s">
        <v>22</v>
      </c>
      <c r="B287" s="4" t="s">
        <v>897</v>
      </c>
      <c r="C287" s="3" t="s">
        <v>898</v>
      </c>
      <c r="D287" s="5" t="s">
        <v>231</v>
      </c>
      <c r="E287" s="3" t="s">
        <v>193</v>
      </c>
      <c r="F287" s="3" t="s">
        <v>194</v>
      </c>
      <c r="G287" s="3" t="s">
        <v>195</v>
      </c>
      <c r="H287" s="3" t="s">
        <v>29</v>
      </c>
      <c r="I287" s="3" t="s">
        <v>37</v>
      </c>
      <c r="J287" s="3" t="s">
        <v>196</v>
      </c>
      <c r="K287" s="3" t="s">
        <v>32</v>
      </c>
      <c r="L287" s="3" t="s">
        <v>115</v>
      </c>
      <c r="M287" s="3" t="s">
        <v>66</v>
      </c>
      <c r="N287" s="3" t="s">
        <v>79</v>
      </c>
      <c r="O287" s="3" t="s">
        <v>36</v>
      </c>
      <c r="P287" s="3" t="s">
        <v>53</v>
      </c>
      <c r="Q287" s="3" t="s">
        <v>37</v>
      </c>
      <c r="R287" s="3" t="s">
        <v>38</v>
      </c>
      <c r="S287" s="3" t="s">
        <v>197</v>
      </c>
      <c r="T287" s="3" t="s">
        <v>37</v>
      </c>
      <c r="U287" s="3" t="s">
        <v>37</v>
      </c>
      <c r="V287" s="3" t="s">
        <v>37</v>
      </c>
    </row>
    <row r="288" spans="1:22" x14ac:dyDescent="0.25">
      <c r="A288" s="3" t="s">
        <v>22</v>
      </c>
      <c r="B288" s="4" t="s">
        <v>897</v>
      </c>
      <c r="C288" s="3" t="s">
        <v>898</v>
      </c>
      <c r="D288" s="5" t="s">
        <v>236</v>
      </c>
      <c r="E288" s="3" t="s">
        <v>565</v>
      </c>
      <c r="F288" s="3" t="s">
        <v>981</v>
      </c>
      <c r="G288" s="3" t="s">
        <v>982</v>
      </c>
      <c r="H288" s="3" t="s">
        <v>64</v>
      </c>
      <c r="I288" s="3" t="s">
        <v>983</v>
      </c>
      <c r="J288" s="3" t="s">
        <v>984</v>
      </c>
      <c r="K288" s="3" t="s">
        <v>32</v>
      </c>
      <c r="L288" s="3" t="s">
        <v>115</v>
      </c>
      <c r="M288" s="3" t="s">
        <v>570</v>
      </c>
      <c r="N288" s="3" t="s">
        <v>571</v>
      </c>
      <c r="O288" s="3" t="s">
        <v>691</v>
      </c>
      <c r="P288" s="3" t="s">
        <v>53</v>
      </c>
      <c r="Q288" s="3" t="s">
        <v>72</v>
      </c>
      <c r="R288" s="3" t="s">
        <v>38</v>
      </c>
      <c r="S288" s="3" t="s">
        <v>985</v>
      </c>
      <c r="T288" s="3" t="s">
        <v>37</v>
      </c>
      <c r="U288" s="3" t="s">
        <v>37</v>
      </c>
      <c r="V288" s="3" t="s">
        <v>37</v>
      </c>
    </row>
    <row r="289" spans="1:22" x14ac:dyDescent="0.25">
      <c r="A289" s="3"/>
      <c r="B289" s="4"/>
      <c r="C289" s="3"/>
      <c r="D289" s="5"/>
      <c r="E289" s="6" t="s">
        <v>246</v>
      </c>
      <c r="F289" s="3"/>
      <c r="G289" s="3"/>
      <c r="H289" s="3"/>
      <c r="I289" s="3"/>
      <c r="J289" s="3"/>
      <c r="K289" s="3"/>
      <c r="L289" s="3"/>
      <c r="M289" s="3"/>
      <c r="N289" s="3"/>
      <c r="O289" s="3"/>
      <c r="P289" s="3"/>
      <c r="Q289" s="3"/>
      <c r="R289" s="3"/>
      <c r="S289" s="3"/>
      <c r="T289" s="3"/>
      <c r="U289" s="3"/>
      <c r="V289" s="3"/>
    </row>
    <row r="290" spans="1:22" x14ac:dyDescent="0.25">
      <c r="A290" s="3"/>
      <c r="B290" s="4"/>
      <c r="C290" s="3"/>
      <c r="D290" s="5"/>
      <c r="E290" s="3"/>
      <c r="F290" s="3"/>
      <c r="G290" s="3"/>
      <c r="H290" s="3"/>
      <c r="I290" s="3"/>
      <c r="J290" s="3"/>
      <c r="K290" s="3"/>
      <c r="L290" s="3"/>
      <c r="M290" s="3"/>
      <c r="N290" s="3"/>
      <c r="O290" s="3"/>
      <c r="P290" s="3"/>
      <c r="Q290" s="3"/>
      <c r="R290" s="3"/>
      <c r="S290" s="3"/>
      <c r="T290" s="3"/>
      <c r="U290" s="3"/>
      <c r="V290" s="3"/>
    </row>
  </sheetData>
  <pageMargins left="0.7" right="0.7" top="0.75" bottom="0.75" header="0.3" footer="0.3"/>
  <pageSetup orientation="portrait" r:id="rId1"/>
  <tableParts count="1">
    <tablePart r:id="rId2"/>
  </tableParts>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V357"/>
  <sheetViews>
    <sheetView workbookViewId="0">
      <selection sqref="A1:V1048576"/>
    </sheetView>
  </sheetViews>
  <sheetFormatPr defaultRowHeight="15" x14ac:dyDescent="0.25"/>
  <cols>
    <col min="1" max="1" width="15.5703125" customWidth="1"/>
    <col min="2" max="2" width="12.42578125" customWidth="1"/>
    <col min="3" max="3" width="11.28515625" customWidth="1"/>
    <col min="4" max="4" width="13.42578125" customWidth="1"/>
    <col min="5" max="5" width="56.85546875" customWidth="1"/>
    <col min="6" max="6" width="51.85546875" customWidth="1"/>
    <col min="7" max="8" width="13.140625" customWidth="1"/>
    <col min="9" max="10" width="93.42578125" customWidth="1"/>
    <col min="11" max="12" width="25.42578125" customWidth="1"/>
    <col min="13" max="14" width="19.28515625" customWidth="1"/>
    <col min="15" max="15" width="16.28515625" customWidth="1"/>
    <col min="16" max="17" width="18.28515625" customWidth="1"/>
    <col min="18" max="18" width="19.7109375" customWidth="1"/>
    <col min="19" max="19" width="20.28515625" customWidth="1"/>
    <col min="20" max="21" width="15.140625" customWidth="1"/>
    <col min="22" max="22" width="18.28515625" customWidth="1"/>
  </cols>
  <sheetData>
    <row r="1" spans="1:22" x14ac:dyDescent="0.25">
      <c r="A1" s="2" t="s">
        <v>0</v>
      </c>
      <c r="B1" s="2" t="s">
        <v>1</v>
      </c>
      <c r="C1" s="2" t="s">
        <v>2</v>
      </c>
      <c r="D1" s="2" t="s">
        <v>3</v>
      </c>
      <c r="E1" s="2" t="s">
        <v>4</v>
      </c>
      <c r="F1" s="2" t="s">
        <v>5</v>
      </c>
      <c r="G1" s="2" t="s">
        <v>6</v>
      </c>
      <c r="H1" s="2" t="s">
        <v>7</v>
      </c>
      <c r="I1" s="2" t="s">
        <v>8</v>
      </c>
      <c r="J1" s="2" t="s">
        <v>9</v>
      </c>
      <c r="K1" s="2" t="s">
        <v>10</v>
      </c>
      <c r="L1" s="2" t="s">
        <v>11</v>
      </c>
      <c r="M1" s="2" t="s">
        <v>12</v>
      </c>
      <c r="N1" s="2" t="s">
        <v>13</v>
      </c>
      <c r="O1" s="2" t="s">
        <v>14</v>
      </c>
      <c r="P1" s="2" t="s">
        <v>15</v>
      </c>
      <c r="Q1" s="2" t="s">
        <v>16</v>
      </c>
      <c r="R1" s="2" t="s">
        <v>17</v>
      </c>
      <c r="S1" s="2" t="s">
        <v>18</v>
      </c>
      <c r="T1" s="2" t="s">
        <v>19</v>
      </c>
      <c r="U1" s="2" t="s">
        <v>20</v>
      </c>
      <c r="V1" s="2" t="s">
        <v>21</v>
      </c>
    </row>
    <row r="2" spans="1:22" x14ac:dyDescent="0.25">
      <c r="A2" s="3" t="s">
        <v>988</v>
      </c>
      <c r="B2" s="4" t="s">
        <v>23</v>
      </c>
      <c r="C2" s="3" t="s">
        <v>24</v>
      </c>
      <c r="D2" s="5" t="s">
        <v>25</v>
      </c>
      <c r="E2" s="3" t="s">
        <v>989</v>
      </c>
      <c r="F2" s="3" t="s">
        <v>990</v>
      </c>
      <c r="G2" s="3" t="s">
        <v>751</v>
      </c>
      <c r="H2" s="3" t="s">
        <v>29</v>
      </c>
      <c r="I2" s="3" t="s">
        <v>991</v>
      </c>
      <c r="J2" s="3" t="s">
        <v>992</v>
      </c>
      <c r="K2" s="3" t="s">
        <v>32</v>
      </c>
      <c r="L2" s="3" t="s">
        <v>33</v>
      </c>
      <c r="M2" s="3" t="s">
        <v>66</v>
      </c>
      <c r="N2" s="3" t="s">
        <v>993</v>
      </c>
      <c r="O2" s="3" t="s">
        <v>80</v>
      </c>
      <c r="P2" s="3" t="s">
        <v>37</v>
      </c>
      <c r="Q2" s="3" t="s">
        <v>37</v>
      </c>
      <c r="R2" s="3" t="s">
        <v>38</v>
      </c>
      <c r="S2" s="3" t="s">
        <v>994</v>
      </c>
      <c r="T2" s="3" t="s">
        <v>37</v>
      </c>
      <c r="U2" s="3" t="s">
        <v>37</v>
      </c>
      <c r="V2" s="3" t="s">
        <v>37</v>
      </c>
    </row>
    <row r="3" spans="1:22" x14ac:dyDescent="0.25">
      <c r="A3" s="3" t="s">
        <v>988</v>
      </c>
      <c r="B3" s="4" t="s">
        <v>23</v>
      </c>
      <c r="C3" s="3" t="s">
        <v>24</v>
      </c>
      <c r="D3" s="5" t="s">
        <v>995</v>
      </c>
      <c r="E3" s="3" t="s">
        <v>989</v>
      </c>
      <c r="F3" s="3" t="s">
        <v>996</v>
      </c>
      <c r="G3" s="3" t="s">
        <v>997</v>
      </c>
      <c r="H3" s="3" t="s">
        <v>29</v>
      </c>
      <c r="I3" s="3" t="s">
        <v>998</v>
      </c>
      <c r="J3" s="3" t="s">
        <v>999</v>
      </c>
      <c r="K3" s="3" t="s">
        <v>32</v>
      </c>
      <c r="L3" s="3" t="s">
        <v>33</v>
      </c>
      <c r="M3" s="3" t="s">
        <v>66</v>
      </c>
      <c r="N3" s="3" t="s">
        <v>993</v>
      </c>
      <c r="O3" s="3" t="s">
        <v>80</v>
      </c>
      <c r="P3" s="3" t="s">
        <v>37</v>
      </c>
      <c r="Q3" s="3" t="s">
        <v>37</v>
      </c>
      <c r="R3" s="3" t="s">
        <v>38</v>
      </c>
      <c r="S3" s="3" t="s">
        <v>1000</v>
      </c>
      <c r="T3" s="3" t="s">
        <v>37</v>
      </c>
      <c r="U3" s="3" t="s">
        <v>37</v>
      </c>
      <c r="V3" s="3" t="s">
        <v>37</v>
      </c>
    </row>
    <row r="4" spans="1:22" x14ac:dyDescent="0.25">
      <c r="A4" s="3" t="s">
        <v>988</v>
      </c>
      <c r="B4" s="4" t="s">
        <v>23</v>
      </c>
      <c r="C4" s="3" t="s">
        <v>24</v>
      </c>
      <c r="D4" s="5" t="s">
        <v>45</v>
      </c>
      <c r="E4" s="3" t="s">
        <v>1001</v>
      </c>
      <c r="F4" s="3" t="s">
        <v>1002</v>
      </c>
      <c r="G4" s="3" t="s">
        <v>89</v>
      </c>
      <c r="H4" s="3" t="s">
        <v>64</v>
      </c>
      <c r="I4" s="3" t="s">
        <v>1003</v>
      </c>
      <c r="J4" s="3" t="s">
        <v>1004</v>
      </c>
      <c r="K4" s="3" t="s">
        <v>32</v>
      </c>
      <c r="L4" s="3" t="s">
        <v>33</v>
      </c>
      <c r="M4" s="3" t="s">
        <v>34</v>
      </c>
      <c r="N4" s="3" t="s">
        <v>67</v>
      </c>
      <c r="O4" s="3" t="s">
        <v>52</v>
      </c>
      <c r="P4" s="3" t="s">
        <v>37</v>
      </c>
      <c r="Q4" s="3" t="s">
        <v>37</v>
      </c>
      <c r="R4" s="3" t="s">
        <v>38</v>
      </c>
      <c r="S4" s="3" t="s">
        <v>1005</v>
      </c>
      <c r="T4" s="3" t="s">
        <v>37</v>
      </c>
      <c r="U4" s="3" t="s">
        <v>37</v>
      </c>
      <c r="V4" s="3" t="s">
        <v>37</v>
      </c>
    </row>
    <row r="5" spans="1:22" x14ac:dyDescent="0.25">
      <c r="A5" s="3" t="s">
        <v>988</v>
      </c>
      <c r="B5" s="4" t="s">
        <v>23</v>
      </c>
      <c r="C5" s="3" t="s">
        <v>24</v>
      </c>
      <c r="D5" s="5" t="s">
        <v>1006</v>
      </c>
      <c r="E5" s="3" t="s">
        <v>1007</v>
      </c>
      <c r="F5" s="3" t="s">
        <v>1008</v>
      </c>
      <c r="G5" s="3" t="s">
        <v>228</v>
      </c>
      <c r="H5" s="3" t="s">
        <v>64</v>
      </c>
      <c r="I5" s="3" t="s">
        <v>37</v>
      </c>
      <c r="J5" s="7" t="s">
        <v>1009</v>
      </c>
      <c r="K5" s="3" t="s">
        <v>32</v>
      </c>
      <c r="L5" s="3" t="s">
        <v>33</v>
      </c>
      <c r="M5" s="3" t="s">
        <v>66</v>
      </c>
      <c r="N5" s="3" t="s">
        <v>67</v>
      </c>
      <c r="O5" s="3" t="s">
        <v>52</v>
      </c>
      <c r="P5" s="3" t="s">
        <v>37</v>
      </c>
      <c r="Q5" s="3" t="s">
        <v>37</v>
      </c>
      <c r="R5" s="3" t="s">
        <v>38</v>
      </c>
      <c r="S5" s="3" t="s">
        <v>1010</v>
      </c>
      <c r="T5" s="3" t="s">
        <v>37</v>
      </c>
      <c r="U5" s="3" t="s">
        <v>37</v>
      </c>
      <c r="V5" s="3" t="s">
        <v>37</v>
      </c>
    </row>
    <row r="6" spans="1:22" x14ac:dyDescent="0.25">
      <c r="A6" s="3" t="s">
        <v>988</v>
      </c>
      <c r="B6" s="4" t="s">
        <v>23</v>
      </c>
      <c r="C6" s="3" t="s">
        <v>24</v>
      </c>
      <c r="D6" s="5" t="s">
        <v>1011</v>
      </c>
      <c r="E6" s="3" t="s">
        <v>1012</v>
      </c>
      <c r="F6" s="3" t="s">
        <v>1013</v>
      </c>
      <c r="G6" s="3" t="s">
        <v>89</v>
      </c>
      <c r="H6" s="3" t="s">
        <v>64</v>
      </c>
      <c r="I6" s="3" t="s">
        <v>1014</v>
      </c>
      <c r="J6" s="3" t="s">
        <v>1015</v>
      </c>
      <c r="K6" s="3" t="s">
        <v>32</v>
      </c>
      <c r="L6" s="3" t="s">
        <v>33</v>
      </c>
      <c r="M6" s="3" t="s">
        <v>1016</v>
      </c>
      <c r="N6" s="3" t="s">
        <v>79</v>
      </c>
      <c r="O6" s="3" t="s">
        <v>161</v>
      </c>
      <c r="P6" s="3" t="s">
        <v>37</v>
      </c>
      <c r="Q6" s="3" t="s">
        <v>37</v>
      </c>
      <c r="R6" s="3" t="s">
        <v>38</v>
      </c>
      <c r="S6" s="3" t="s">
        <v>1017</v>
      </c>
      <c r="T6" s="3" t="s">
        <v>37</v>
      </c>
      <c r="U6" s="3" t="s">
        <v>37</v>
      </c>
      <c r="V6" s="3" t="s">
        <v>37</v>
      </c>
    </row>
    <row r="7" spans="1:22" x14ac:dyDescent="0.25">
      <c r="A7" s="3" t="s">
        <v>988</v>
      </c>
      <c r="B7" s="4" t="s">
        <v>23</v>
      </c>
      <c r="C7" s="3" t="s">
        <v>24</v>
      </c>
      <c r="D7" s="5" t="s">
        <v>1018</v>
      </c>
      <c r="E7" s="3" t="s">
        <v>1012</v>
      </c>
      <c r="F7" s="3" t="s">
        <v>1019</v>
      </c>
      <c r="G7" s="3" t="s">
        <v>94</v>
      </c>
      <c r="H7" s="3" t="s">
        <v>64</v>
      </c>
      <c r="I7" s="3" t="s">
        <v>1020</v>
      </c>
      <c r="J7" s="3" t="s">
        <v>1021</v>
      </c>
      <c r="K7" s="3" t="s">
        <v>32</v>
      </c>
      <c r="L7" s="3" t="s">
        <v>33</v>
      </c>
      <c r="M7" s="3" t="s">
        <v>1016</v>
      </c>
      <c r="N7" s="3" t="s">
        <v>79</v>
      </c>
      <c r="O7" s="3" t="s">
        <v>161</v>
      </c>
      <c r="P7" s="3" t="s">
        <v>37</v>
      </c>
      <c r="Q7" s="3" t="s">
        <v>37</v>
      </c>
      <c r="R7" s="3" t="s">
        <v>38</v>
      </c>
      <c r="S7" s="3" t="s">
        <v>1022</v>
      </c>
      <c r="T7" s="3" t="s">
        <v>37</v>
      </c>
      <c r="U7" s="3" t="s">
        <v>37</v>
      </c>
      <c r="V7" s="3" t="s">
        <v>37</v>
      </c>
    </row>
    <row r="8" spans="1:22" x14ac:dyDescent="0.25">
      <c r="A8" s="3" t="s">
        <v>988</v>
      </c>
      <c r="B8" s="4" t="s">
        <v>23</v>
      </c>
      <c r="C8" s="3" t="s">
        <v>24</v>
      </c>
      <c r="D8" s="5" t="s">
        <v>69</v>
      </c>
      <c r="E8" s="3" t="s">
        <v>1012</v>
      </c>
      <c r="F8" s="3" t="s">
        <v>1023</v>
      </c>
      <c r="G8" s="3" t="s">
        <v>99</v>
      </c>
      <c r="H8" s="3" t="s">
        <v>64</v>
      </c>
      <c r="I8" s="3" t="s">
        <v>1020</v>
      </c>
      <c r="J8" s="3" t="s">
        <v>1024</v>
      </c>
      <c r="K8" s="3" t="s">
        <v>32</v>
      </c>
      <c r="L8" s="3" t="s">
        <v>33</v>
      </c>
      <c r="M8" s="3" t="s">
        <v>1016</v>
      </c>
      <c r="N8" s="3" t="s">
        <v>79</v>
      </c>
      <c r="O8" s="3" t="s">
        <v>161</v>
      </c>
      <c r="P8" s="3" t="s">
        <v>37</v>
      </c>
      <c r="Q8" s="3" t="s">
        <v>37</v>
      </c>
      <c r="R8" s="3" t="s">
        <v>38</v>
      </c>
      <c r="S8" s="3" t="s">
        <v>1025</v>
      </c>
      <c r="T8" s="3" t="s">
        <v>37</v>
      </c>
      <c r="U8" s="3" t="s">
        <v>37</v>
      </c>
      <c r="V8" s="3" t="s">
        <v>37</v>
      </c>
    </row>
    <row r="9" spans="1:22" x14ac:dyDescent="0.25">
      <c r="A9" s="3" t="s">
        <v>988</v>
      </c>
      <c r="B9" s="4" t="s">
        <v>23</v>
      </c>
      <c r="C9" s="3" t="s">
        <v>24</v>
      </c>
      <c r="D9" s="5" t="s">
        <v>1026</v>
      </c>
      <c r="E9" s="3" t="s">
        <v>1012</v>
      </c>
      <c r="F9" s="3" t="s">
        <v>1027</v>
      </c>
      <c r="G9" s="3" t="s">
        <v>120</v>
      </c>
      <c r="H9" s="3" t="s">
        <v>64</v>
      </c>
      <c r="I9" s="3" t="s">
        <v>1020</v>
      </c>
      <c r="J9" s="3" t="s">
        <v>1028</v>
      </c>
      <c r="K9" s="3" t="s">
        <v>32</v>
      </c>
      <c r="L9" s="3" t="s">
        <v>33</v>
      </c>
      <c r="M9" s="3" t="s">
        <v>1016</v>
      </c>
      <c r="N9" s="3" t="s">
        <v>79</v>
      </c>
      <c r="O9" s="3" t="s">
        <v>161</v>
      </c>
      <c r="P9" s="3" t="s">
        <v>37</v>
      </c>
      <c r="Q9" s="3" t="s">
        <v>37</v>
      </c>
      <c r="R9" s="3" t="s">
        <v>38</v>
      </c>
      <c r="S9" s="3" t="s">
        <v>1029</v>
      </c>
      <c r="T9" s="3" t="s">
        <v>37</v>
      </c>
      <c r="U9" s="3" t="s">
        <v>37</v>
      </c>
      <c r="V9" s="3" t="s">
        <v>37</v>
      </c>
    </row>
    <row r="10" spans="1:22" x14ac:dyDescent="0.25">
      <c r="A10" s="3" t="s">
        <v>988</v>
      </c>
      <c r="B10" s="4" t="s">
        <v>23</v>
      </c>
      <c r="C10" s="3" t="s">
        <v>24</v>
      </c>
      <c r="D10" s="5" t="s">
        <v>1030</v>
      </c>
      <c r="E10" s="3" t="s">
        <v>1012</v>
      </c>
      <c r="F10" s="3" t="s">
        <v>1031</v>
      </c>
      <c r="G10" s="3" t="s">
        <v>239</v>
      </c>
      <c r="H10" s="3" t="s">
        <v>64</v>
      </c>
      <c r="I10" s="3" t="s">
        <v>1014</v>
      </c>
      <c r="J10" s="3" t="s">
        <v>1032</v>
      </c>
      <c r="K10" s="3" t="s">
        <v>32</v>
      </c>
      <c r="L10" s="3" t="s">
        <v>33</v>
      </c>
      <c r="M10" s="3" t="s">
        <v>1016</v>
      </c>
      <c r="N10" s="3" t="s">
        <v>79</v>
      </c>
      <c r="O10" s="3" t="s">
        <v>161</v>
      </c>
      <c r="P10" s="3" t="s">
        <v>37</v>
      </c>
      <c r="Q10" s="3" t="s">
        <v>37</v>
      </c>
      <c r="R10" s="3" t="s">
        <v>38</v>
      </c>
      <c r="S10" s="3" t="s">
        <v>1033</v>
      </c>
      <c r="T10" s="3" t="s">
        <v>37</v>
      </c>
      <c r="U10" s="3" t="s">
        <v>37</v>
      </c>
      <c r="V10" s="3" t="s">
        <v>37</v>
      </c>
    </row>
    <row r="11" spans="1:22" x14ac:dyDescent="0.25">
      <c r="A11" s="3" t="s">
        <v>988</v>
      </c>
      <c r="B11" s="4" t="s">
        <v>23</v>
      </c>
      <c r="C11" s="3" t="s">
        <v>24</v>
      </c>
      <c r="D11" s="5" t="s">
        <v>82</v>
      </c>
      <c r="E11" s="3" t="s">
        <v>1012</v>
      </c>
      <c r="F11" s="3" t="s">
        <v>1034</v>
      </c>
      <c r="G11" s="3" t="s">
        <v>281</v>
      </c>
      <c r="H11" s="3" t="s">
        <v>64</v>
      </c>
      <c r="I11" s="3" t="s">
        <v>1014</v>
      </c>
      <c r="J11" s="3" t="s">
        <v>1035</v>
      </c>
      <c r="K11" s="3" t="s">
        <v>32</v>
      </c>
      <c r="L11" s="3" t="s">
        <v>33</v>
      </c>
      <c r="M11" s="3" t="s">
        <v>1016</v>
      </c>
      <c r="N11" s="3" t="s">
        <v>79</v>
      </c>
      <c r="O11" s="3" t="s">
        <v>161</v>
      </c>
      <c r="P11" s="3" t="s">
        <v>37</v>
      </c>
      <c r="Q11" s="3" t="s">
        <v>37</v>
      </c>
      <c r="R11" s="3" t="s">
        <v>38</v>
      </c>
      <c r="S11" s="3" t="s">
        <v>1036</v>
      </c>
      <c r="T11" s="3" t="s">
        <v>37</v>
      </c>
      <c r="U11" s="3" t="s">
        <v>37</v>
      </c>
      <c r="V11" s="3" t="s">
        <v>37</v>
      </c>
    </row>
    <row r="12" spans="1:22" x14ac:dyDescent="0.25">
      <c r="A12" s="3" t="s">
        <v>988</v>
      </c>
      <c r="B12" s="4" t="s">
        <v>23</v>
      </c>
      <c r="C12" s="3" t="s">
        <v>24</v>
      </c>
      <c r="D12" s="5" t="s">
        <v>1037</v>
      </c>
      <c r="E12" s="3" t="s">
        <v>1038</v>
      </c>
      <c r="F12" s="3" t="s">
        <v>1039</v>
      </c>
      <c r="G12" s="3" t="s">
        <v>1040</v>
      </c>
      <c r="H12" s="3" t="s">
        <v>77</v>
      </c>
      <c r="I12" s="3" t="s">
        <v>37</v>
      </c>
      <c r="J12" s="3" t="s">
        <v>1041</v>
      </c>
      <c r="K12" s="3" t="s">
        <v>32</v>
      </c>
      <c r="L12" s="3" t="s">
        <v>33</v>
      </c>
      <c r="M12" s="3" t="s">
        <v>66</v>
      </c>
      <c r="N12" s="3" t="s">
        <v>79</v>
      </c>
      <c r="O12" s="3" t="s">
        <v>80</v>
      </c>
      <c r="P12" s="3" t="s">
        <v>37</v>
      </c>
      <c r="Q12" s="3" t="s">
        <v>37</v>
      </c>
      <c r="R12" s="3" t="s">
        <v>38</v>
      </c>
      <c r="S12" s="3" t="s">
        <v>1042</v>
      </c>
      <c r="T12" s="3" t="s">
        <v>37</v>
      </c>
      <c r="U12" s="3" t="s">
        <v>37</v>
      </c>
      <c r="V12" s="3" t="s">
        <v>37</v>
      </c>
    </row>
    <row r="13" spans="1:22" x14ac:dyDescent="0.25">
      <c r="A13" s="3" t="s">
        <v>988</v>
      </c>
      <c r="B13" s="4" t="s">
        <v>23</v>
      </c>
      <c r="C13" s="3" t="s">
        <v>24</v>
      </c>
      <c r="D13" s="5" t="s">
        <v>1043</v>
      </c>
      <c r="E13" s="3" t="s">
        <v>1038</v>
      </c>
      <c r="F13" s="3" t="s">
        <v>1044</v>
      </c>
      <c r="G13" s="3" t="s">
        <v>1045</v>
      </c>
      <c r="H13" s="3" t="s">
        <v>77</v>
      </c>
      <c r="I13" s="3" t="s">
        <v>37</v>
      </c>
      <c r="J13" s="3" t="s">
        <v>1046</v>
      </c>
      <c r="K13" s="3" t="s">
        <v>32</v>
      </c>
      <c r="L13" s="3" t="s">
        <v>33</v>
      </c>
      <c r="M13" s="3" t="s">
        <v>66</v>
      </c>
      <c r="N13" s="3" t="s">
        <v>79</v>
      </c>
      <c r="O13" s="3" t="s">
        <v>80</v>
      </c>
      <c r="P13" s="3" t="s">
        <v>37</v>
      </c>
      <c r="Q13" s="3" t="s">
        <v>37</v>
      </c>
      <c r="R13" s="3" t="s">
        <v>38</v>
      </c>
      <c r="S13" s="3" t="s">
        <v>1047</v>
      </c>
      <c r="T13" s="3" t="s">
        <v>37</v>
      </c>
      <c r="U13" s="3" t="s">
        <v>37</v>
      </c>
      <c r="V13" s="3" t="s">
        <v>37</v>
      </c>
    </row>
    <row r="14" spans="1:22" x14ac:dyDescent="0.25">
      <c r="A14" s="3" t="s">
        <v>988</v>
      </c>
      <c r="B14" s="4" t="s">
        <v>23</v>
      </c>
      <c r="C14" s="3" t="s">
        <v>24</v>
      </c>
      <c r="D14" s="5" t="s">
        <v>1048</v>
      </c>
      <c r="E14" s="3" t="s">
        <v>1049</v>
      </c>
      <c r="F14" s="3" t="s">
        <v>1050</v>
      </c>
      <c r="G14" s="3" t="s">
        <v>239</v>
      </c>
      <c r="H14" s="3" t="s">
        <v>64</v>
      </c>
      <c r="I14" s="3" t="s">
        <v>37</v>
      </c>
      <c r="J14" s="3" t="s">
        <v>1051</v>
      </c>
      <c r="K14" s="3" t="s">
        <v>32</v>
      </c>
      <c r="L14" s="3" t="s">
        <v>33</v>
      </c>
      <c r="M14" s="3" t="s">
        <v>66</v>
      </c>
      <c r="N14" s="3" t="s">
        <v>79</v>
      </c>
      <c r="O14" s="3" t="s">
        <v>80</v>
      </c>
      <c r="P14" s="3" t="s">
        <v>37</v>
      </c>
      <c r="Q14" s="3" t="s">
        <v>37</v>
      </c>
      <c r="R14" s="3" t="s">
        <v>38</v>
      </c>
      <c r="S14" s="3" t="s">
        <v>1052</v>
      </c>
      <c r="T14" s="3" t="s">
        <v>37</v>
      </c>
      <c r="U14" s="3" t="s">
        <v>37</v>
      </c>
      <c r="V14" s="3" t="s">
        <v>37</v>
      </c>
    </row>
    <row r="15" spans="1:22" x14ac:dyDescent="0.25">
      <c r="A15" s="3" t="s">
        <v>988</v>
      </c>
      <c r="B15" s="4" t="s">
        <v>23</v>
      </c>
      <c r="C15" s="3" t="s">
        <v>24</v>
      </c>
      <c r="D15" s="5" t="s">
        <v>1053</v>
      </c>
      <c r="E15" s="3" t="s">
        <v>1007</v>
      </c>
      <c r="F15" s="3" t="s">
        <v>1054</v>
      </c>
      <c r="G15" s="3" t="s">
        <v>70</v>
      </c>
      <c r="H15" s="3" t="s">
        <v>64</v>
      </c>
      <c r="I15" s="3" t="s">
        <v>37</v>
      </c>
      <c r="J15" s="3" t="s">
        <v>1055</v>
      </c>
      <c r="K15" s="3" t="s">
        <v>32</v>
      </c>
      <c r="L15" s="3" t="s">
        <v>33</v>
      </c>
      <c r="M15" s="3" t="s">
        <v>66</v>
      </c>
      <c r="N15" s="3" t="s">
        <v>67</v>
      </c>
      <c r="O15" s="3" t="s">
        <v>52</v>
      </c>
      <c r="P15" s="3" t="s">
        <v>37</v>
      </c>
      <c r="Q15" s="3" t="s">
        <v>37</v>
      </c>
      <c r="R15" s="3" t="s">
        <v>38</v>
      </c>
      <c r="S15" s="3" t="s">
        <v>1056</v>
      </c>
      <c r="T15" s="3" t="s">
        <v>37</v>
      </c>
      <c r="U15" s="3" t="s">
        <v>37</v>
      </c>
      <c r="V15" s="3" t="s">
        <v>37</v>
      </c>
    </row>
    <row r="16" spans="1:22" x14ac:dyDescent="0.25">
      <c r="A16" s="3" t="s">
        <v>988</v>
      </c>
      <c r="B16" s="4" t="s">
        <v>23</v>
      </c>
      <c r="C16" s="3" t="s">
        <v>24</v>
      </c>
      <c r="D16" s="5" t="s">
        <v>107</v>
      </c>
      <c r="E16" s="3" t="s">
        <v>1057</v>
      </c>
      <c r="F16" s="3" t="s">
        <v>37</v>
      </c>
      <c r="G16" s="3">
        <v>1</v>
      </c>
      <c r="H16" s="3">
        <v>0</v>
      </c>
      <c r="I16" s="3" t="s">
        <v>1058</v>
      </c>
      <c r="J16" s="3" t="s">
        <v>1059</v>
      </c>
      <c r="K16" s="3" t="s">
        <v>1060</v>
      </c>
      <c r="L16" s="3" t="s">
        <v>33</v>
      </c>
      <c r="M16" s="3" t="s">
        <v>66</v>
      </c>
      <c r="N16" s="3" t="s">
        <v>386</v>
      </c>
      <c r="O16" s="3" t="s">
        <v>691</v>
      </c>
      <c r="P16" s="3" t="s">
        <v>37</v>
      </c>
      <c r="Q16" s="3" t="s">
        <v>37</v>
      </c>
      <c r="R16" s="3" t="s">
        <v>38</v>
      </c>
      <c r="S16" s="3" t="s">
        <v>1061</v>
      </c>
      <c r="T16" s="3" t="s">
        <v>37</v>
      </c>
      <c r="U16" s="3" t="s">
        <v>37</v>
      </c>
      <c r="V16" s="3" t="s">
        <v>37</v>
      </c>
    </row>
    <row r="17" spans="1:22" x14ac:dyDescent="0.25">
      <c r="A17" s="3" t="s">
        <v>988</v>
      </c>
      <c r="B17" s="4" t="s">
        <v>23</v>
      </c>
      <c r="C17" s="3" t="s">
        <v>24</v>
      </c>
      <c r="D17" s="5" t="s">
        <v>1062</v>
      </c>
      <c r="E17" s="3" t="s">
        <v>1012</v>
      </c>
      <c r="F17" s="3" t="s">
        <v>1063</v>
      </c>
      <c r="G17" s="3" t="s">
        <v>28</v>
      </c>
      <c r="H17" s="3" t="s">
        <v>64</v>
      </c>
      <c r="I17" s="3" t="s">
        <v>1020</v>
      </c>
      <c r="J17" s="3" t="s">
        <v>1064</v>
      </c>
      <c r="K17" s="3" t="s">
        <v>32</v>
      </c>
      <c r="L17" s="3" t="s">
        <v>33</v>
      </c>
      <c r="M17" s="3" t="s">
        <v>1016</v>
      </c>
      <c r="N17" s="3" t="s">
        <v>79</v>
      </c>
      <c r="O17" s="3" t="s">
        <v>161</v>
      </c>
      <c r="P17" s="3" t="s">
        <v>37</v>
      </c>
      <c r="Q17" s="3" t="s">
        <v>37</v>
      </c>
      <c r="R17" s="3" t="s">
        <v>38</v>
      </c>
      <c r="S17" s="3" t="s">
        <v>1065</v>
      </c>
      <c r="T17" s="3" t="s">
        <v>37</v>
      </c>
      <c r="U17" s="3" t="s">
        <v>37</v>
      </c>
      <c r="V17" s="3" t="s">
        <v>37</v>
      </c>
    </row>
    <row r="18" spans="1:22" x14ac:dyDescent="0.25">
      <c r="A18" s="3" t="s">
        <v>988</v>
      </c>
      <c r="B18" s="4" t="s">
        <v>23</v>
      </c>
      <c r="C18" s="3" t="s">
        <v>24</v>
      </c>
      <c r="D18" s="5" t="s">
        <v>472</v>
      </c>
      <c r="E18" s="3" t="s">
        <v>1012</v>
      </c>
      <c r="F18" s="3" t="s">
        <v>1066</v>
      </c>
      <c r="G18" s="3" t="s">
        <v>42</v>
      </c>
      <c r="H18" s="3" t="s">
        <v>64</v>
      </c>
      <c r="I18" s="3" t="s">
        <v>1020</v>
      </c>
      <c r="J18" s="3" t="s">
        <v>1067</v>
      </c>
      <c r="K18" s="3" t="s">
        <v>32</v>
      </c>
      <c r="L18" s="3" t="s">
        <v>33</v>
      </c>
      <c r="M18" s="3" t="s">
        <v>1016</v>
      </c>
      <c r="N18" s="3" t="s">
        <v>79</v>
      </c>
      <c r="O18" s="3" t="s">
        <v>161</v>
      </c>
      <c r="P18" s="3" t="s">
        <v>37</v>
      </c>
      <c r="Q18" s="3" t="s">
        <v>37</v>
      </c>
      <c r="R18" s="3" t="s">
        <v>38</v>
      </c>
      <c r="S18" s="3" t="s">
        <v>1068</v>
      </c>
      <c r="T18" s="3" t="s">
        <v>37</v>
      </c>
      <c r="U18" s="3" t="s">
        <v>37</v>
      </c>
      <c r="V18" s="3" t="s">
        <v>37</v>
      </c>
    </row>
    <row r="19" spans="1:22" x14ac:dyDescent="0.25">
      <c r="A19" s="3" t="s">
        <v>988</v>
      </c>
      <c r="B19" s="4" t="s">
        <v>23</v>
      </c>
      <c r="C19" s="3" t="s">
        <v>24</v>
      </c>
      <c r="D19" s="5" t="s">
        <v>117</v>
      </c>
      <c r="E19" s="3" t="s">
        <v>1012</v>
      </c>
      <c r="F19" s="3" t="s">
        <v>1069</v>
      </c>
      <c r="G19" s="3" t="s">
        <v>132</v>
      </c>
      <c r="H19" s="3" t="s">
        <v>64</v>
      </c>
      <c r="I19" s="3" t="s">
        <v>1020</v>
      </c>
      <c r="J19" s="3" t="s">
        <v>1070</v>
      </c>
      <c r="K19" s="3" t="s">
        <v>32</v>
      </c>
      <c r="L19" s="3" t="s">
        <v>33</v>
      </c>
      <c r="M19" s="3" t="s">
        <v>1016</v>
      </c>
      <c r="N19" s="3" t="s">
        <v>79</v>
      </c>
      <c r="O19" s="3" t="s">
        <v>161</v>
      </c>
      <c r="P19" s="3" t="s">
        <v>37</v>
      </c>
      <c r="Q19" s="3" t="s">
        <v>37</v>
      </c>
      <c r="R19" s="3" t="s">
        <v>38</v>
      </c>
      <c r="S19" s="3" t="s">
        <v>1071</v>
      </c>
      <c r="T19" s="3" t="s">
        <v>37</v>
      </c>
      <c r="U19" s="3" t="s">
        <v>37</v>
      </c>
      <c r="V19" s="3" t="s">
        <v>37</v>
      </c>
    </row>
    <row r="20" spans="1:22" x14ac:dyDescent="0.25">
      <c r="A20" s="3" t="s">
        <v>988</v>
      </c>
      <c r="B20" s="4" t="s">
        <v>23</v>
      </c>
      <c r="C20" s="3" t="s">
        <v>24</v>
      </c>
      <c r="D20" s="5" t="s">
        <v>483</v>
      </c>
      <c r="E20" s="3" t="s">
        <v>1012</v>
      </c>
      <c r="F20" s="3" t="s">
        <v>1072</v>
      </c>
      <c r="G20" s="3" t="s">
        <v>137</v>
      </c>
      <c r="H20" s="3" t="s">
        <v>64</v>
      </c>
      <c r="I20" s="3" t="s">
        <v>1020</v>
      </c>
      <c r="J20" s="3" t="s">
        <v>1073</v>
      </c>
      <c r="K20" s="3" t="s">
        <v>32</v>
      </c>
      <c r="L20" s="3" t="s">
        <v>33</v>
      </c>
      <c r="M20" s="3" t="s">
        <v>1016</v>
      </c>
      <c r="N20" s="3" t="s">
        <v>79</v>
      </c>
      <c r="O20" s="3" t="s">
        <v>161</v>
      </c>
      <c r="P20" s="3" t="s">
        <v>37</v>
      </c>
      <c r="Q20" s="3" t="s">
        <v>37</v>
      </c>
      <c r="R20" s="3" t="s">
        <v>38</v>
      </c>
      <c r="S20" s="3" t="s">
        <v>1074</v>
      </c>
      <c r="T20" s="3" t="s">
        <v>37</v>
      </c>
      <c r="U20" s="3" t="s">
        <v>37</v>
      </c>
      <c r="V20" s="3" t="s">
        <v>37</v>
      </c>
    </row>
    <row r="21" spans="1:22" x14ac:dyDescent="0.25">
      <c r="A21" s="3" t="s">
        <v>988</v>
      </c>
      <c r="B21" s="4" t="s">
        <v>23</v>
      </c>
      <c r="C21" s="3" t="s">
        <v>24</v>
      </c>
      <c r="D21" s="5" t="s">
        <v>487</v>
      </c>
      <c r="E21" s="3" t="s">
        <v>1012</v>
      </c>
      <c r="F21" s="3" t="s">
        <v>1075</v>
      </c>
      <c r="G21" s="3" t="s">
        <v>265</v>
      </c>
      <c r="H21" s="3" t="s">
        <v>64</v>
      </c>
      <c r="I21" s="3" t="s">
        <v>1020</v>
      </c>
      <c r="J21" s="3" t="s">
        <v>1076</v>
      </c>
      <c r="K21" s="3" t="s">
        <v>32</v>
      </c>
      <c r="L21" s="3" t="s">
        <v>33</v>
      </c>
      <c r="M21" s="3" t="s">
        <v>1016</v>
      </c>
      <c r="N21" s="3" t="s">
        <v>79</v>
      </c>
      <c r="O21" s="3" t="s">
        <v>161</v>
      </c>
      <c r="P21" s="3" t="s">
        <v>37</v>
      </c>
      <c r="Q21" s="3" t="s">
        <v>37</v>
      </c>
      <c r="R21" s="3" t="s">
        <v>38</v>
      </c>
      <c r="S21" s="3" t="s">
        <v>1077</v>
      </c>
      <c r="T21" s="3" t="s">
        <v>37</v>
      </c>
      <c r="U21" s="3" t="s">
        <v>37</v>
      </c>
      <c r="V21" s="3" t="s">
        <v>37</v>
      </c>
    </row>
    <row r="22" spans="1:22" x14ac:dyDescent="0.25">
      <c r="A22" s="3" t="s">
        <v>988</v>
      </c>
      <c r="B22" s="4" t="s">
        <v>23</v>
      </c>
      <c r="C22" s="3" t="s">
        <v>24</v>
      </c>
      <c r="D22" s="5" t="s">
        <v>1078</v>
      </c>
      <c r="E22" s="3" t="s">
        <v>1012</v>
      </c>
      <c r="F22" s="3" t="s">
        <v>1079</v>
      </c>
      <c r="G22" s="3" t="s">
        <v>408</v>
      </c>
      <c r="H22" s="3" t="s">
        <v>64</v>
      </c>
      <c r="I22" s="3" t="s">
        <v>1020</v>
      </c>
      <c r="J22" s="3" t="s">
        <v>1080</v>
      </c>
      <c r="K22" s="3" t="s">
        <v>32</v>
      </c>
      <c r="L22" s="3" t="s">
        <v>33</v>
      </c>
      <c r="M22" s="3" t="s">
        <v>1016</v>
      </c>
      <c r="N22" s="3" t="s">
        <v>79</v>
      </c>
      <c r="O22" s="3" t="s">
        <v>161</v>
      </c>
      <c r="P22" s="3" t="s">
        <v>37</v>
      </c>
      <c r="Q22" s="3" t="s">
        <v>37</v>
      </c>
      <c r="R22" s="3" t="s">
        <v>38</v>
      </c>
      <c r="S22" s="3" t="s">
        <v>1081</v>
      </c>
      <c r="T22" s="3" t="s">
        <v>37</v>
      </c>
      <c r="U22" s="3" t="s">
        <v>37</v>
      </c>
      <c r="V22" s="3" t="s">
        <v>37</v>
      </c>
    </row>
    <row r="23" spans="1:22" x14ac:dyDescent="0.25">
      <c r="A23" s="3" t="s">
        <v>988</v>
      </c>
      <c r="B23" s="4" t="s">
        <v>23</v>
      </c>
      <c r="C23" s="3" t="s">
        <v>24</v>
      </c>
      <c r="D23" s="5" t="s">
        <v>130</v>
      </c>
      <c r="E23" s="3" t="s">
        <v>1012</v>
      </c>
      <c r="F23" s="3" t="s">
        <v>1082</v>
      </c>
      <c r="G23" s="3" t="s">
        <v>412</v>
      </c>
      <c r="H23" s="3" t="s">
        <v>64</v>
      </c>
      <c r="I23" s="3" t="s">
        <v>1014</v>
      </c>
      <c r="J23" s="3" t="s">
        <v>1083</v>
      </c>
      <c r="K23" s="3" t="s">
        <v>32</v>
      </c>
      <c r="L23" s="3" t="s">
        <v>33</v>
      </c>
      <c r="M23" s="3" t="s">
        <v>1016</v>
      </c>
      <c r="N23" s="3" t="s">
        <v>79</v>
      </c>
      <c r="O23" s="3" t="s">
        <v>161</v>
      </c>
      <c r="P23" s="3" t="s">
        <v>37</v>
      </c>
      <c r="Q23" s="3" t="s">
        <v>37</v>
      </c>
      <c r="R23" s="3" t="s">
        <v>38</v>
      </c>
      <c r="S23" s="3" t="s">
        <v>1084</v>
      </c>
      <c r="T23" s="3" t="s">
        <v>37</v>
      </c>
      <c r="U23" s="3" t="s">
        <v>37</v>
      </c>
      <c r="V23" s="3" t="s">
        <v>37</v>
      </c>
    </row>
    <row r="24" spans="1:22" x14ac:dyDescent="0.25">
      <c r="A24" s="3" t="s">
        <v>988</v>
      </c>
      <c r="B24" s="4" t="s">
        <v>23</v>
      </c>
      <c r="C24" s="3" t="s">
        <v>24</v>
      </c>
      <c r="D24" s="5" t="s">
        <v>733</v>
      </c>
      <c r="E24" s="3" t="s">
        <v>1012</v>
      </c>
      <c r="F24" s="3" t="s">
        <v>1085</v>
      </c>
      <c r="G24" s="3" t="s">
        <v>195</v>
      </c>
      <c r="H24" s="3" t="s">
        <v>64</v>
      </c>
      <c r="I24" s="3" t="s">
        <v>1020</v>
      </c>
      <c r="J24" s="3" t="s">
        <v>1086</v>
      </c>
      <c r="K24" s="3" t="s">
        <v>32</v>
      </c>
      <c r="L24" s="3" t="s">
        <v>33</v>
      </c>
      <c r="M24" s="3" t="s">
        <v>1016</v>
      </c>
      <c r="N24" s="3" t="s">
        <v>79</v>
      </c>
      <c r="O24" s="3" t="s">
        <v>161</v>
      </c>
      <c r="P24" s="3" t="s">
        <v>37</v>
      </c>
      <c r="Q24" s="3" t="s">
        <v>37</v>
      </c>
      <c r="R24" s="3" t="s">
        <v>38</v>
      </c>
      <c r="S24" s="3" t="s">
        <v>1087</v>
      </c>
      <c r="T24" s="3" t="s">
        <v>37</v>
      </c>
      <c r="U24" s="3" t="s">
        <v>37</v>
      </c>
      <c r="V24" s="3" t="s">
        <v>37</v>
      </c>
    </row>
    <row r="25" spans="1:22" x14ac:dyDescent="0.25">
      <c r="A25" s="3" t="s">
        <v>988</v>
      </c>
      <c r="B25" s="4" t="s">
        <v>23</v>
      </c>
      <c r="C25" s="3" t="s">
        <v>24</v>
      </c>
      <c r="D25" s="5" t="s">
        <v>1088</v>
      </c>
      <c r="E25" s="3" t="s">
        <v>1012</v>
      </c>
      <c r="F25" s="3" t="s">
        <v>1089</v>
      </c>
      <c r="G25" s="3" t="s">
        <v>422</v>
      </c>
      <c r="H25" s="3" t="s">
        <v>64</v>
      </c>
      <c r="I25" s="3" t="s">
        <v>1020</v>
      </c>
      <c r="J25" s="3" t="s">
        <v>1090</v>
      </c>
      <c r="K25" s="3" t="s">
        <v>32</v>
      </c>
      <c r="L25" s="3" t="s">
        <v>33</v>
      </c>
      <c r="M25" s="3" t="s">
        <v>1016</v>
      </c>
      <c r="N25" s="3" t="s">
        <v>79</v>
      </c>
      <c r="O25" s="3" t="s">
        <v>161</v>
      </c>
      <c r="P25" s="3" t="s">
        <v>37</v>
      </c>
      <c r="Q25" s="3" t="s">
        <v>37</v>
      </c>
      <c r="R25" s="3" t="s">
        <v>38</v>
      </c>
      <c r="S25" s="3" t="s">
        <v>1091</v>
      </c>
      <c r="T25" s="3" t="s">
        <v>37</v>
      </c>
      <c r="U25" s="3" t="s">
        <v>37</v>
      </c>
      <c r="V25" s="3" t="s">
        <v>37</v>
      </c>
    </row>
    <row r="26" spans="1:22" x14ac:dyDescent="0.25">
      <c r="A26" s="3" t="s">
        <v>988</v>
      </c>
      <c r="B26" s="4" t="s">
        <v>23</v>
      </c>
      <c r="C26" s="3" t="s">
        <v>24</v>
      </c>
      <c r="D26" s="5" t="s">
        <v>495</v>
      </c>
      <c r="E26" s="3" t="s">
        <v>1012</v>
      </c>
      <c r="F26" s="3" t="s">
        <v>1092</v>
      </c>
      <c r="G26" s="3" t="s">
        <v>157</v>
      </c>
      <c r="H26" s="3" t="s">
        <v>64</v>
      </c>
      <c r="I26" s="3" t="s">
        <v>1014</v>
      </c>
      <c r="J26" s="3" t="s">
        <v>1093</v>
      </c>
      <c r="K26" s="3" t="s">
        <v>32</v>
      </c>
      <c r="L26" s="3" t="s">
        <v>33</v>
      </c>
      <c r="M26" s="3" t="s">
        <v>1016</v>
      </c>
      <c r="N26" s="3" t="s">
        <v>79</v>
      </c>
      <c r="O26" s="3" t="s">
        <v>161</v>
      </c>
      <c r="P26" s="3" t="s">
        <v>37</v>
      </c>
      <c r="Q26" s="3" t="s">
        <v>37</v>
      </c>
      <c r="R26" s="3" t="s">
        <v>38</v>
      </c>
      <c r="S26" s="3" t="s">
        <v>1094</v>
      </c>
      <c r="T26" s="3" t="s">
        <v>37</v>
      </c>
      <c r="U26" s="3" t="s">
        <v>37</v>
      </c>
      <c r="V26" s="3" t="s">
        <v>37</v>
      </c>
    </row>
    <row r="27" spans="1:22" x14ac:dyDescent="0.25">
      <c r="A27" s="3" t="s">
        <v>988</v>
      </c>
      <c r="B27" s="4" t="s">
        <v>23</v>
      </c>
      <c r="C27" s="3" t="s">
        <v>24</v>
      </c>
      <c r="D27" s="5" t="s">
        <v>1095</v>
      </c>
      <c r="E27" s="3" t="s">
        <v>1012</v>
      </c>
      <c r="F27" s="3" t="s">
        <v>1096</v>
      </c>
      <c r="G27" s="3" t="s">
        <v>165</v>
      </c>
      <c r="H27" s="3" t="s">
        <v>64</v>
      </c>
      <c r="I27" s="3" t="s">
        <v>1020</v>
      </c>
      <c r="J27" s="3" t="s">
        <v>1097</v>
      </c>
      <c r="K27" s="3" t="s">
        <v>32</v>
      </c>
      <c r="L27" s="3" t="s">
        <v>33</v>
      </c>
      <c r="M27" s="3" t="s">
        <v>1016</v>
      </c>
      <c r="N27" s="3" t="s">
        <v>79</v>
      </c>
      <c r="O27" s="3" t="s">
        <v>161</v>
      </c>
      <c r="P27" s="3" t="s">
        <v>37</v>
      </c>
      <c r="Q27" s="3" t="s">
        <v>37</v>
      </c>
      <c r="R27" s="3" t="s">
        <v>38</v>
      </c>
      <c r="S27" s="3" t="s">
        <v>1098</v>
      </c>
      <c r="T27" s="3" t="s">
        <v>37</v>
      </c>
      <c r="U27" s="3" t="s">
        <v>37</v>
      </c>
      <c r="V27" s="3" t="s">
        <v>37</v>
      </c>
    </row>
    <row r="28" spans="1:22" x14ac:dyDescent="0.25">
      <c r="A28" s="3" t="s">
        <v>988</v>
      </c>
      <c r="B28" s="4" t="s">
        <v>23</v>
      </c>
      <c r="C28" s="3" t="s">
        <v>24</v>
      </c>
      <c r="D28" s="5" t="s">
        <v>1099</v>
      </c>
      <c r="E28" s="3" t="s">
        <v>1012</v>
      </c>
      <c r="F28" s="3" t="s">
        <v>1100</v>
      </c>
      <c r="G28" s="3" t="s">
        <v>170</v>
      </c>
      <c r="H28" s="3" t="s">
        <v>64</v>
      </c>
      <c r="I28" s="3" t="s">
        <v>1014</v>
      </c>
      <c r="J28" s="3" t="s">
        <v>1101</v>
      </c>
      <c r="K28" s="3" t="s">
        <v>32</v>
      </c>
      <c r="L28" s="3" t="s">
        <v>33</v>
      </c>
      <c r="M28" s="3" t="s">
        <v>1016</v>
      </c>
      <c r="N28" s="3" t="s">
        <v>79</v>
      </c>
      <c r="O28" s="3" t="s">
        <v>161</v>
      </c>
      <c r="P28" s="3" t="s">
        <v>37</v>
      </c>
      <c r="Q28" s="3" t="s">
        <v>37</v>
      </c>
      <c r="R28" s="3" t="s">
        <v>38</v>
      </c>
      <c r="S28" s="3" t="s">
        <v>1102</v>
      </c>
      <c r="T28" s="3" t="s">
        <v>37</v>
      </c>
      <c r="U28" s="3" t="s">
        <v>37</v>
      </c>
      <c r="V28" s="3" t="s">
        <v>37</v>
      </c>
    </row>
    <row r="29" spans="1:22" x14ac:dyDescent="0.25">
      <c r="A29" s="3" t="s">
        <v>988</v>
      </c>
      <c r="B29" s="4" t="s">
        <v>23</v>
      </c>
      <c r="C29" s="3" t="s">
        <v>24</v>
      </c>
      <c r="D29" s="5" t="s">
        <v>140</v>
      </c>
      <c r="E29" s="3" t="s">
        <v>1012</v>
      </c>
      <c r="F29" s="3" t="s">
        <v>1103</v>
      </c>
      <c r="G29" s="3" t="s">
        <v>48</v>
      </c>
      <c r="H29" s="3" t="s">
        <v>64</v>
      </c>
      <c r="I29" s="3" t="s">
        <v>1020</v>
      </c>
      <c r="J29" s="3" t="s">
        <v>1104</v>
      </c>
      <c r="K29" s="3" t="s">
        <v>32</v>
      </c>
      <c r="L29" s="3" t="s">
        <v>33</v>
      </c>
      <c r="M29" s="3" t="s">
        <v>1016</v>
      </c>
      <c r="N29" s="3" t="s">
        <v>79</v>
      </c>
      <c r="O29" s="3" t="s">
        <v>161</v>
      </c>
      <c r="P29" s="3" t="s">
        <v>37</v>
      </c>
      <c r="Q29" s="3" t="s">
        <v>37</v>
      </c>
      <c r="R29" s="3" t="s">
        <v>38</v>
      </c>
      <c r="S29" s="3" t="s">
        <v>1105</v>
      </c>
      <c r="T29" s="3" t="s">
        <v>37</v>
      </c>
      <c r="U29" s="3" t="s">
        <v>37</v>
      </c>
      <c r="V29" s="3" t="s">
        <v>37</v>
      </c>
    </row>
    <row r="30" spans="1:22" x14ac:dyDescent="0.25">
      <c r="A30" s="3" t="s">
        <v>988</v>
      </c>
      <c r="B30" s="4" t="s">
        <v>23</v>
      </c>
      <c r="C30" s="3" t="s">
        <v>24</v>
      </c>
      <c r="D30" s="5" t="s">
        <v>738</v>
      </c>
      <c r="E30" s="3" t="s">
        <v>1012</v>
      </c>
      <c r="F30" s="3" t="s">
        <v>1106</v>
      </c>
      <c r="G30" s="3" t="s">
        <v>184</v>
      </c>
      <c r="H30" s="3" t="s">
        <v>64</v>
      </c>
      <c r="I30" s="3" t="s">
        <v>1020</v>
      </c>
      <c r="J30" s="3" t="s">
        <v>1107</v>
      </c>
      <c r="K30" s="3" t="s">
        <v>32</v>
      </c>
      <c r="L30" s="3" t="s">
        <v>33</v>
      </c>
      <c r="M30" s="3" t="s">
        <v>1016</v>
      </c>
      <c r="N30" s="3" t="s">
        <v>79</v>
      </c>
      <c r="O30" s="3" t="s">
        <v>161</v>
      </c>
      <c r="P30" s="3" t="s">
        <v>37</v>
      </c>
      <c r="Q30" s="3" t="s">
        <v>37</v>
      </c>
      <c r="R30" s="3" t="s">
        <v>38</v>
      </c>
      <c r="S30" s="3" t="s">
        <v>1108</v>
      </c>
      <c r="T30" s="3" t="s">
        <v>37</v>
      </c>
      <c r="U30" s="3" t="s">
        <v>37</v>
      </c>
      <c r="V30" s="3" t="s">
        <v>37</v>
      </c>
    </row>
    <row r="31" spans="1:22" x14ac:dyDescent="0.25">
      <c r="A31" s="3" t="s">
        <v>988</v>
      </c>
      <c r="B31" s="4" t="s">
        <v>23</v>
      </c>
      <c r="C31" s="3" t="s">
        <v>24</v>
      </c>
      <c r="D31" s="5" t="s">
        <v>1109</v>
      </c>
      <c r="E31" s="3" t="s">
        <v>1012</v>
      </c>
      <c r="F31" s="3" t="s">
        <v>1110</v>
      </c>
      <c r="G31" s="3" t="s">
        <v>189</v>
      </c>
      <c r="H31" s="3" t="s">
        <v>64</v>
      </c>
      <c r="I31" s="3" t="s">
        <v>1020</v>
      </c>
      <c r="J31" s="3" t="s">
        <v>1111</v>
      </c>
      <c r="K31" s="3" t="s">
        <v>32</v>
      </c>
      <c r="L31" s="3" t="s">
        <v>33</v>
      </c>
      <c r="M31" s="3" t="s">
        <v>1016</v>
      </c>
      <c r="N31" s="3" t="s">
        <v>79</v>
      </c>
      <c r="O31" s="3" t="s">
        <v>161</v>
      </c>
      <c r="P31" s="3" t="s">
        <v>37</v>
      </c>
      <c r="Q31" s="3" t="s">
        <v>37</v>
      </c>
      <c r="R31" s="3" t="s">
        <v>38</v>
      </c>
      <c r="S31" s="3" t="s">
        <v>1112</v>
      </c>
      <c r="T31" s="3" t="s">
        <v>37</v>
      </c>
      <c r="U31" s="3" t="s">
        <v>37</v>
      </c>
      <c r="V31" s="3" t="s">
        <v>37</v>
      </c>
    </row>
    <row r="32" spans="1:22" x14ac:dyDescent="0.25">
      <c r="A32" s="3" t="s">
        <v>988</v>
      </c>
      <c r="B32" s="4" t="s">
        <v>23</v>
      </c>
      <c r="C32" s="3" t="s">
        <v>24</v>
      </c>
      <c r="D32" s="5" t="s">
        <v>503</v>
      </c>
      <c r="E32" s="3" t="s">
        <v>1012</v>
      </c>
      <c r="F32" s="3" t="s">
        <v>1113</v>
      </c>
      <c r="G32" s="3" t="s">
        <v>57</v>
      </c>
      <c r="H32" s="3" t="s">
        <v>64</v>
      </c>
      <c r="I32" s="3" t="s">
        <v>1020</v>
      </c>
      <c r="J32" s="3" t="s">
        <v>1114</v>
      </c>
      <c r="K32" s="3" t="s">
        <v>32</v>
      </c>
      <c r="L32" s="3" t="s">
        <v>33</v>
      </c>
      <c r="M32" s="3" t="s">
        <v>1016</v>
      </c>
      <c r="N32" s="3" t="s">
        <v>79</v>
      </c>
      <c r="O32" s="3" t="s">
        <v>161</v>
      </c>
      <c r="P32" s="3" t="s">
        <v>37</v>
      </c>
      <c r="Q32" s="3" t="s">
        <v>37</v>
      </c>
      <c r="R32" s="3" t="s">
        <v>38</v>
      </c>
      <c r="S32" s="3" t="s">
        <v>1115</v>
      </c>
      <c r="T32" s="3" t="s">
        <v>37</v>
      </c>
      <c r="U32" s="3" t="s">
        <v>37</v>
      </c>
      <c r="V32" s="3" t="s">
        <v>37</v>
      </c>
    </row>
    <row r="33" spans="1:22" x14ac:dyDescent="0.25">
      <c r="A33" s="3" t="s">
        <v>988</v>
      </c>
      <c r="B33" s="4" t="s">
        <v>23</v>
      </c>
      <c r="C33" s="3" t="s">
        <v>24</v>
      </c>
      <c r="D33" s="5" t="s">
        <v>1116</v>
      </c>
      <c r="E33" s="3" t="s">
        <v>1012</v>
      </c>
      <c r="F33" s="3" t="s">
        <v>1117</v>
      </c>
      <c r="G33" s="3" t="s">
        <v>270</v>
      </c>
      <c r="H33" s="3" t="s">
        <v>64</v>
      </c>
      <c r="I33" s="3" t="s">
        <v>1020</v>
      </c>
      <c r="J33" s="3" t="s">
        <v>1118</v>
      </c>
      <c r="K33" s="3" t="s">
        <v>32</v>
      </c>
      <c r="L33" s="3" t="s">
        <v>33</v>
      </c>
      <c r="M33" s="3" t="s">
        <v>1016</v>
      </c>
      <c r="N33" s="3" t="s">
        <v>79</v>
      </c>
      <c r="O33" s="3" t="s">
        <v>161</v>
      </c>
      <c r="P33" s="3" t="s">
        <v>37</v>
      </c>
      <c r="Q33" s="3" t="s">
        <v>37</v>
      </c>
      <c r="R33" s="3" t="s">
        <v>38</v>
      </c>
      <c r="S33" s="3" t="s">
        <v>1119</v>
      </c>
      <c r="T33" s="3" t="s">
        <v>37</v>
      </c>
      <c r="U33" s="3" t="s">
        <v>37</v>
      </c>
      <c r="V33" s="3" t="s">
        <v>37</v>
      </c>
    </row>
    <row r="34" spans="1:22" x14ac:dyDescent="0.25">
      <c r="A34" s="3" t="s">
        <v>988</v>
      </c>
      <c r="B34" s="4" t="s">
        <v>23</v>
      </c>
      <c r="C34" s="3" t="s">
        <v>24</v>
      </c>
      <c r="D34" s="5" t="s">
        <v>152</v>
      </c>
      <c r="E34" s="3" t="s">
        <v>1012</v>
      </c>
      <c r="F34" s="3" t="s">
        <v>1120</v>
      </c>
      <c r="G34" s="3" t="s">
        <v>307</v>
      </c>
      <c r="H34" s="3" t="s">
        <v>64</v>
      </c>
      <c r="I34" s="3" t="s">
        <v>1014</v>
      </c>
      <c r="J34" s="3" t="s">
        <v>1121</v>
      </c>
      <c r="K34" s="3" t="s">
        <v>32</v>
      </c>
      <c r="L34" s="3" t="s">
        <v>33</v>
      </c>
      <c r="M34" s="3" t="s">
        <v>1016</v>
      </c>
      <c r="N34" s="3" t="s">
        <v>79</v>
      </c>
      <c r="O34" s="3" t="s">
        <v>161</v>
      </c>
      <c r="P34" s="3" t="s">
        <v>37</v>
      </c>
      <c r="Q34" s="3" t="s">
        <v>37</v>
      </c>
      <c r="R34" s="3" t="s">
        <v>38</v>
      </c>
      <c r="S34" s="3" t="s">
        <v>1122</v>
      </c>
      <c r="T34" s="3" t="s">
        <v>37</v>
      </c>
      <c r="U34" s="3" t="s">
        <v>37</v>
      </c>
      <c r="V34" s="3" t="s">
        <v>37</v>
      </c>
    </row>
    <row r="35" spans="1:22" x14ac:dyDescent="0.25">
      <c r="A35" s="3" t="s">
        <v>988</v>
      </c>
      <c r="B35" s="4" t="s">
        <v>23</v>
      </c>
      <c r="C35" s="3" t="s">
        <v>24</v>
      </c>
      <c r="D35" s="5" t="s">
        <v>154</v>
      </c>
      <c r="E35" s="3" t="s">
        <v>1049</v>
      </c>
      <c r="F35" s="3" t="s">
        <v>1123</v>
      </c>
      <c r="G35" s="3" t="s">
        <v>222</v>
      </c>
      <c r="H35" s="3" t="s">
        <v>64</v>
      </c>
      <c r="I35" s="3" t="s">
        <v>37</v>
      </c>
      <c r="J35" s="3" t="s">
        <v>1124</v>
      </c>
      <c r="K35" s="3" t="s">
        <v>32</v>
      </c>
      <c r="L35" s="3" t="s">
        <v>33</v>
      </c>
      <c r="M35" s="3" t="s">
        <v>66</v>
      </c>
      <c r="N35" s="3" t="s">
        <v>79</v>
      </c>
      <c r="O35" s="3" t="s">
        <v>80</v>
      </c>
      <c r="P35" s="3" t="s">
        <v>37</v>
      </c>
      <c r="Q35" s="3" t="s">
        <v>37</v>
      </c>
      <c r="R35" s="3" t="s">
        <v>38</v>
      </c>
      <c r="S35" s="3" t="s">
        <v>1125</v>
      </c>
      <c r="T35" s="3" t="s">
        <v>37</v>
      </c>
      <c r="U35" s="3" t="s">
        <v>37</v>
      </c>
      <c r="V35" s="3" t="s">
        <v>37</v>
      </c>
    </row>
    <row r="36" spans="1:22" x14ac:dyDescent="0.25">
      <c r="A36" s="3" t="s">
        <v>988</v>
      </c>
      <c r="B36" s="4" t="s">
        <v>23</v>
      </c>
      <c r="C36" s="3" t="s">
        <v>24</v>
      </c>
      <c r="D36" s="5" t="s">
        <v>168</v>
      </c>
      <c r="E36" s="3" t="s">
        <v>1126</v>
      </c>
      <c r="F36" s="3" t="s">
        <v>1127</v>
      </c>
      <c r="G36" s="3" t="s">
        <v>315</v>
      </c>
      <c r="H36" s="3" t="s">
        <v>64</v>
      </c>
      <c r="I36" s="3" t="s">
        <v>1128</v>
      </c>
      <c r="J36" s="3" t="s">
        <v>1129</v>
      </c>
      <c r="K36" s="3" t="s">
        <v>32</v>
      </c>
      <c r="L36" s="3" t="s">
        <v>33</v>
      </c>
      <c r="M36" s="3" t="s">
        <v>66</v>
      </c>
      <c r="N36" s="3" t="s">
        <v>160</v>
      </c>
      <c r="O36" s="3" t="s">
        <v>80</v>
      </c>
      <c r="P36" s="3" t="s">
        <v>37</v>
      </c>
      <c r="Q36" s="3" t="s">
        <v>37</v>
      </c>
      <c r="R36" s="3" t="s">
        <v>38</v>
      </c>
      <c r="S36" s="3" t="s">
        <v>1130</v>
      </c>
      <c r="T36" s="3" t="s">
        <v>37</v>
      </c>
      <c r="U36" s="3" t="s">
        <v>37</v>
      </c>
      <c r="V36" s="3" t="s">
        <v>37</v>
      </c>
    </row>
    <row r="37" spans="1:22" x14ac:dyDescent="0.25">
      <c r="A37" s="3" t="s">
        <v>988</v>
      </c>
      <c r="B37" s="4" t="s">
        <v>23</v>
      </c>
      <c r="C37" s="3" t="s">
        <v>24</v>
      </c>
      <c r="D37" s="5" t="s">
        <v>1131</v>
      </c>
      <c r="E37" s="3" t="s">
        <v>1007</v>
      </c>
      <c r="F37" s="3" t="s">
        <v>1132</v>
      </c>
      <c r="G37" s="3" t="s">
        <v>64</v>
      </c>
      <c r="H37" s="3" t="s">
        <v>64</v>
      </c>
      <c r="I37" s="3" t="s">
        <v>37</v>
      </c>
      <c r="J37" s="3" t="s">
        <v>1133</v>
      </c>
      <c r="K37" s="3" t="s">
        <v>32</v>
      </c>
      <c r="L37" s="3" t="s">
        <v>33</v>
      </c>
      <c r="M37" s="3" t="s">
        <v>66</v>
      </c>
      <c r="N37" s="3" t="s">
        <v>67</v>
      </c>
      <c r="O37" s="3" t="s">
        <v>52</v>
      </c>
      <c r="P37" s="3" t="s">
        <v>37</v>
      </c>
      <c r="Q37" s="3" t="s">
        <v>37</v>
      </c>
      <c r="R37" s="3" t="s">
        <v>38</v>
      </c>
      <c r="S37" s="3" t="s">
        <v>1134</v>
      </c>
      <c r="T37" s="3" t="s">
        <v>37</v>
      </c>
      <c r="U37" s="3" t="s">
        <v>37</v>
      </c>
      <c r="V37" s="3" t="s">
        <v>37</v>
      </c>
    </row>
    <row r="38" spans="1:22" x14ac:dyDescent="0.25">
      <c r="A38" s="3" t="s">
        <v>988</v>
      </c>
      <c r="B38" s="4" t="s">
        <v>23</v>
      </c>
      <c r="C38" s="3" t="s">
        <v>24</v>
      </c>
      <c r="D38" s="5" t="s">
        <v>1135</v>
      </c>
      <c r="E38" s="3" t="s">
        <v>1126</v>
      </c>
      <c r="F38" s="3" t="s">
        <v>1136</v>
      </c>
      <c r="G38" s="3" t="s">
        <v>422</v>
      </c>
      <c r="H38" s="3" t="s">
        <v>29</v>
      </c>
      <c r="I38" s="3" t="s">
        <v>37</v>
      </c>
      <c r="J38" s="7" t="s">
        <v>1137</v>
      </c>
      <c r="K38" s="3" t="s">
        <v>32</v>
      </c>
      <c r="L38" s="3" t="s">
        <v>33</v>
      </c>
      <c r="M38" s="3" t="s">
        <v>66</v>
      </c>
      <c r="N38" s="3" t="s">
        <v>67</v>
      </c>
      <c r="O38" s="3" t="s">
        <v>80</v>
      </c>
      <c r="P38" s="3" t="s">
        <v>37</v>
      </c>
      <c r="Q38" s="3" t="s">
        <v>37</v>
      </c>
      <c r="R38" s="3" t="s">
        <v>38</v>
      </c>
      <c r="S38" s="3" t="s">
        <v>1138</v>
      </c>
      <c r="T38" s="3"/>
      <c r="U38" s="3" t="s">
        <v>37</v>
      </c>
      <c r="V38" s="3" t="s">
        <v>37</v>
      </c>
    </row>
    <row r="39" spans="1:22" x14ac:dyDescent="0.25">
      <c r="A39" s="3" t="s">
        <v>988</v>
      </c>
      <c r="B39" s="4" t="s">
        <v>23</v>
      </c>
      <c r="C39" s="3" t="s">
        <v>24</v>
      </c>
      <c r="D39" s="5" t="s">
        <v>1139</v>
      </c>
      <c r="E39" s="3" t="s">
        <v>540</v>
      </c>
      <c r="F39" s="3" t="s">
        <v>1140</v>
      </c>
      <c r="G39" s="3" t="s">
        <v>782</v>
      </c>
      <c r="H39" s="3" t="s">
        <v>77</v>
      </c>
      <c r="I39" s="3" t="s">
        <v>670</v>
      </c>
      <c r="J39" s="3" t="s">
        <v>1141</v>
      </c>
      <c r="K39" s="3" t="s">
        <v>32</v>
      </c>
      <c r="L39" s="3" t="s">
        <v>33</v>
      </c>
      <c r="M39" s="3" t="s">
        <v>34</v>
      </c>
      <c r="N39" s="3" t="s">
        <v>79</v>
      </c>
      <c r="O39" s="3" t="s">
        <v>80</v>
      </c>
      <c r="P39" s="3" t="s">
        <v>37</v>
      </c>
      <c r="Q39" s="3" t="s">
        <v>37</v>
      </c>
      <c r="R39" s="3" t="s">
        <v>38</v>
      </c>
      <c r="S39" s="3" t="s">
        <v>1142</v>
      </c>
      <c r="T39" s="3" t="s">
        <v>37</v>
      </c>
      <c r="U39" s="3" t="s">
        <v>37</v>
      </c>
      <c r="V39" s="3" t="s">
        <v>37</v>
      </c>
    </row>
    <row r="40" spans="1:22" x14ac:dyDescent="0.25">
      <c r="A40" s="3" t="s">
        <v>988</v>
      </c>
      <c r="B40" s="4" t="s">
        <v>23</v>
      </c>
      <c r="C40" s="3" t="s">
        <v>24</v>
      </c>
      <c r="D40" s="5" t="s">
        <v>1143</v>
      </c>
      <c r="E40" s="3" t="s">
        <v>1144</v>
      </c>
      <c r="F40" s="3" t="s">
        <v>37</v>
      </c>
      <c r="G40" s="3">
        <v>1</v>
      </c>
      <c r="H40" s="3">
        <v>0</v>
      </c>
      <c r="I40" s="3" t="s">
        <v>1145</v>
      </c>
      <c r="J40" s="3" t="s">
        <v>1146</v>
      </c>
      <c r="K40" s="3" t="s">
        <v>33</v>
      </c>
      <c r="L40" s="3" t="s">
        <v>33</v>
      </c>
      <c r="M40" s="3" t="s">
        <v>66</v>
      </c>
      <c r="N40" s="3" t="s">
        <v>386</v>
      </c>
      <c r="O40" s="3" t="s">
        <v>1147</v>
      </c>
      <c r="P40" s="3" t="s">
        <v>37</v>
      </c>
      <c r="Q40" s="3" t="s">
        <v>37</v>
      </c>
      <c r="R40" s="3" t="s">
        <v>38</v>
      </c>
      <c r="S40" s="3" t="s">
        <v>1148</v>
      </c>
      <c r="T40" s="3" t="s">
        <v>37</v>
      </c>
      <c r="U40" s="3" t="s">
        <v>37</v>
      </c>
      <c r="V40" s="3" t="s">
        <v>37</v>
      </c>
    </row>
    <row r="41" spans="1:22" x14ac:dyDescent="0.25">
      <c r="A41" s="3" t="s">
        <v>988</v>
      </c>
      <c r="B41" s="4" t="s">
        <v>23</v>
      </c>
      <c r="C41" s="3" t="s">
        <v>24</v>
      </c>
      <c r="D41" s="5" t="s">
        <v>1149</v>
      </c>
      <c r="E41" s="3" t="s">
        <v>1150</v>
      </c>
      <c r="F41" s="3" t="s">
        <v>1151</v>
      </c>
      <c r="G41" s="3" t="s">
        <v>688</v>
      </c>
      <c r="H41" s="3" t="s">
        <v>77</v>
      </c>
      <c r="I41" s="3" t="s">
        <v>37</v>
      </c>
      <c r="J41" s="3" t="s">
        <v>1152</v>
      </c>
      <c r="K41" s="3" t="s">
        <v>32</v>
      </c>
      <c r="L41" s="3" t="s">
        <v>33</v>
      </c>
      <c r="M41" s="3" t="s">
        <v>66</v>
      </c>
      <c r="N41" s="3" t="s">
        <v>67</v>
      </c>
      <c r="O41" s="3" t="s">
        <v>52</v>
      </c>
      <c r="P41" s="3" t="s">
        <v>37</v>
      </c>
      <c r="Q41" s="3" t="s">
        <v>37</v>
      </c>
      <c r="R41" s="3" t="s">
        <v>38</v>
      </c>
      <c r="S41" s="3" t="s">
        <v>1153</v>
      </c>
      <c r="T41" s="3" t="s">
        <v>37</v>
      </c>
      <c r="U41" s="3" t="s">
        <v>37</v>
      </c>
      <c r="V41" s="3" t="s">
        <v>37</v>
      </c>
    </row>
    <row r="42" spans="1:22" x14ac:dyDescent="0.25">
      <c r="A42" s="3" t="s">
        <v>988</v>
      </c>
      <c r="B42" s="4" t="s">
        <v>23</v>
      </c>
      <c r="C42" s="3" t="s">
        <v>24</v>
      </c>
      <c r="D42" s="5" t="s">
        <v>207</v>
      </c>
      <c r="E42" s="3" t="s">
        <v>1154</v>
      </c>
      <c r="F42" s="3" t="s">
        <v>1155</v>
      </c>
      <c r="G42" s="3" t="s">
        <v>958</v>
      </c>
      <c r="H42" s="3" t="s">
        <v>278</v>
      </c>
      <c r="I42" s="3" t="s">
        <v>37</v>
      </c>
      <c r="J42" s="3" t="s">
        <v>1156</v>
      </c>
      <c r="K42" s="3" t="s">
        <v>32</v>
      </c>
      <c r="L42" s="3" t="s">
        <v>33</v>
      </c>
      <c r="M42" s="3" t="s">
        <v>66</v>
      </c>
      <c r="N42" s="3" t="s">
        <v>51</v>
      </c>
      <c r="O42" s="3" t="s">
        <v>36</v>
      </c>
      <c r="P42" s="3" t="s">
        <v>37</v>
      </c>
      <c r="Q42" s="3" t="s">
        <v>37</v>
      </c>
      <c r="R42" s="3" t="s">
        <v>38</v>
      </c>
      <c r="S42" s="3" t="s">
        <v>1157</v>
      </c>
      <c r="T42" s="3" t="s">
        <v>37</v>
      </c>
      <c r="U42" s="3" t="s">
        <v>37</v>
      </c>
      <c r="V42" s="3" t="s">
        <v>37</v>
      </c>
    </row>
    <row r="43" spans="1:22" x14ac:dyDescent="0.25">
      <c r="A43" s="3" t="s">
        <v>988</v>
      </c>
      <c r="B43" s="4" t="s">
        <v>23</v>
      </c>
      <c r="C43" s="3" t="s">
        <v>24</v>
      </c>
      <c r="D43" s="5" t="s">
        <v>1158</v>
      </c>
      <c r="E43" s="3" t="s">
        <v>1154</v>
      </c>
      <c r="F43" s="3" t="s">
        <v>1159</v>
      </c>
      <c r="G43" s="3" t="s">
        <v>137</v>
      </c>
      <c r="H43" s="3" t="s">
        <v>29</v>
      </c>
      <c r="I43" s="3" t="s">
        <v>1145</v>
      </c>
      <c r="J43" s="3" t="s">
        <v>1160</v>
      </c>
      <c r="K43" s="3" t="s">
        <v>32</v>
      </c>
      <c r="L43" s="3" t="s">
        <v>33</v>
      </c>
      <c r="M43" s="3" t="s">
        <v>66</v>
      </c>
      <c r="N43" s="3" t="s">
        <v>386</v>
      </c>
      <c r="O43" s="3" t="s">
        <v>36</v>
      </c>
      <c r="P43" s="3" t="s">
        <v>37</v>
      </c>
      <c r="Q43" s="3" t="s">
        <v>37</v>
      </c>
      <c r="R43" s="3" t="s">
        <v>38</v>
      </c>
      <c r="S43" s="3" t="s">
        <v>1161</v>
      </c>
      <c r="T43" s="3" t="s">
        <v>37</v>
      </c>
      <c r="U43" s="3" t="s">
        <v>37</v>
      </c>
      <c r="V43" s="3" t="s">
        <v>37</v>
      </c>
    </row>
    <row r="44" spans="1:22" x14ac:dyDescent="0.25">
      <c r="A44" s="3" t="s">
        <v>988</v>
      </c>
      <c r="B44" s="4" t="s">
        <v>23</v>
      </c>
      <c r="C44" s="3" t="s">
        <v>24</v>
      </c>
      <c r="D44" s="5" t="s">
        <v>539</v>
      </c>
      <c r="E44" s="3" t="s">
        <v>540</v>
      </c>
      <c r="F44" s="3" t="s">
        <v>666</v>
      </c>
      <c r="G44" s="3" t="s">
        <v>274</v>
      </c>
      <c r="H44" s="3" t="s">
        <v>64</v>
      </c>
      <c r="I44" s="3" t="s">
        <v>542</v>
      </c>
      <c r="J44" s="3" t="s">
        <v>1162</v>
      </c>
      <c r="K44" s="3" t="s">
        <v>32</v>
      </c>
      <c r="L44" s="3" t="s">
        <v>544</v>
      </c>
      <c r="M44" s="3" t="s">
        <v>34</v>
      </c>
      <c r="N44" s="3" t="s">
        <v>35</v>
      </c>
      <c r="O44" s="3" t="s">
        <v>80</v>
      </c>
      <c r="P44" s="3" t="s">
        <v>37</v>
      </c>
      <c r="Q44" s="3" t="s">
        <v>37</v>
      </c>
      <c r="R44" s="3" t="s">
        <v>38</v>
      </c>
      <c r="S44" s="3" t="s">
        <v>668</v>
      </c>
      <c r="T44" s="3" t="s">
        <v>37</v>
      </c>
      <c r="U44" s="3" t="s">
        <v>37</v>
      </c>
      <c r="V44" s="3" t="s">
        <v>37</v>
      </c>
    </row>
    <row r="45" spans="1:22" x14ac:dyDescent="0.25">
      <c r="A45" s="3" t="s">
        <v>988</v>
      </c>
      <c r="B45" s="4" t="s">
        <v>23</v>
      </c>
      <c r="C45" s="3" t="s">
        <v>24</v>
      </c>
      <c r="D45" s="5" t="s">
        <v>211</v>
      </c>
      <c r="E45" s="3" t="s">
        <v>540</v>
      </c>
      <c r="F45" s="3" t="s">
        <v>669</v>
      </c>
      <c r="G45" s="3" t="s">
        <v>233</v>
      </c>
      <c r="H45" s="3" t="s">
        <v>29</v>
      </c>
      <c r="I45" s="3" t="s">
        <v>670</v>
      </c>
      <c r="J45" s="3" t="s">
        <v>1163</v>
      </c>
      <c r="K45" s="3" t="s">
        <v>32</v>
      </c>
      <c r="L45" s="3" t="s">
        <v>33</v>
      </c>
      <c r="M45" s="3" t="s">
        <v>34</v>
      </c>
      <c r="N45" s="3" t="s">
        <v>160</v>
      </c>
      <c r="O45" s="3" t="s">
        <v>80</v>
      </c>
      <c r="P45" s="3" t="s">
        <v>37</v>
      </c>
      <c r="Q45" s="3" t="s">
        <v>37</v>
      </c>
      <c r="R45" s="3" t="s">
        <v>38</v>
      </c>
      <c r="S45" s="3" t="s">
        <v>672</v>
      </c>
      <c r="T45" s="3" t="s">
        <v>37</v>
      </c>
      <c r="U45" s="3" t="s">
        <v>37</v>
      </c>
      <c r="V45" s="3" t="s">
        <v>37</v>
      </c>
    </row>
    <row r="46" spans="1:22" x14ac:dyDescent="0.25">
      <c r="A46" s="3" t="s">
        <v>988</v>
      </c>
      <c r="B46" s="4" t="s">
        <v>23</v>
      </c>
      <c r="C46" s="3" t="s">
        <v>24</v>
      </c>
      <c r="D46" s="5" t="s">
        <v>216</v>
      </c>
      <c r="E46" s="3" t="s">
        <v>540</v>
      </c>
      <c r="F46" s="3" t="s">
        <v>760</v>
      </c>
      <c r="G46" s="3" t="s">
        <v>761</v>
      </c>
      <c r="H46" s="3" t="s">
        <v>29</v>
      </c>
      <c r="I46" s="3" t="s">
        <v>670</v>
      </c>
      <c r="J46" s="3" t="s">
        <v>1164</v>
      </c>
      <c r="K46" s="3" t="s">
        <v>32</v>
      </c>
      <c r="L46" s="3" t="s">
        <v>37</v>
      </c>
      <c r="M46" s="3" t="s">
        <v>34</v>
      </c>
      <c r="N46" s="3" t="s">
        <v>160</v>
      </c>
      <c r="O46" s="3" t="s">
        <v>80</v>
      </c>
      <c r="P46" s="3" t="s">
        <v>37</v>
      </c>
      <c r="Q46" s="3" t="s">
        <v>37</v>
      </c>
      <c r="R46" s="3" t="s">
        <v>38</v>
      </c>
      <c r="S46" s="3" t="s">
        <v>763</v>
      </c>
      <c r="T46" s="3" t="s">
        <v>37</v>
      </c>
      <c r="U46" s="3" t="s">
        <v>37</v>
      </c>
      <c r="V46" s="3" t="s">
        <v>37</v>
      </c>
    </row>
    <row r="47" spans="1:22" x14ac:dyDescent="0.25">
      <c r="A47" s="3" t="s">
        <v>988</v>
      </c>
      <c r="B47" s="4" t="s">
        <v>23</v>
      </c>
      <c r="C47" s="3" t="s">
        <v>24</v>
      </c>
      <c r="D47" s="5" t="s">
        <v>394</v>
      </c>
      <c r="E47" s="3" t="s">
        <v>1001</v>
      </c>
      <c r="F47" s="3" t="s">
        <v>1165</v>
      </c>
      <c r="G47" s="3" t="s">
        <v>222</v>
      </c>
      <c r="H47" s="3" t="s">
        <v>64</v>
      </c>
      <c r="I47" s="3" t="s">
        <v>1003</v>
      </c>
      <c r="J47" s="3" t="s">
        <v>1166</v>
      </c>
      <c r="K47" s="3" t="s">
        <v>32</v>
      </c>
      <c r="L47" s="3" t="s">
        <v>33</v>
      </c>
      <c r="M47" s="3" t="s">
        <v>34</v>
      </c>
      <c r="N47" s="3" t="s">
        <v>67</v>
      </c>
      <c r="O47" s="3" t="s">
        <v>52</v>
      </c>
      <c r="P47" s="3" t="s">
        <v>37</v>
      </c>
      <c r="Q47" s="3" t="s">
        <v>37</v>
      </c>
      <c r="R47" s="3" t="s">
        <v>38</v>
      </c>
      <c r="S47" s="3" t="s">
        <v>1167</v>
      </c>
      <c r="T47" s="3" t="s">
        <v>37</v>
      </c>
      <c r="U47" s="3" t="s">
        <v>37</v>
      </c>
      <c r="V47" s="3" t="s">
        <v>37</v>
      </c>
    </row>
    <row r="48" spans="1:22" x14ac:dyDescent="0.25">
      <c r="A48" s="3" t="s">
        <v>988</v>
      </c>
      <c r="B48" s="4" t="s">
        <v>23</v>
      </c>
      <c r="C48" s="3" t="s">
        <v>24</v>
      </c>
      <c r="D48" s="5" t="s">
        <v>225</v>
      </c>
      <c r="E48" s="3" t="s">
        <v>1001</v>
      </c>
      <c r="F48" s="3" t="s">
        <v>1168</v>
      </c>
      <c r="G48" s="3" t="s">
        <v>380</v>
      </c>
      <c r="H48" s="3" t="s">
        <v>64</v>
      </c>
      <c r="I48" s="3" t="s">
        <v>1003</v>
      </c>
      <c r="J48" s="3" t="s">
        <v>1169</v>
      </c>
      <c r="K48" s="3" t="s">
        <v>32</v>
      </c>
      <c r="L48" s="3" t="s">
        <v>33</v>
      </c>
      <c r="M48" s="3" t="s">
        <v>34</v>
      </c>
      <c r="N48" s="3" t="s">
        <v>67</v>
      </c>
      <c r="O48" s="3" t="s">
        <v>52</v>
      </c>
      <c r="P48" s="3" t="s">
        <v>37</v>
      </c>
      <c r="Q48" s="3" t="s">
        <v>37</v>
      </c>
      <c r="R48" s="3" t="s">
        <v>38</v>
      </c>
      <c r="S48" s="3" t="s">
        <v>1170</v>
      </c>
      <c r="T48" s="3" t="s">
        <v>37</v>
      </c>
      <c r="U48" s="3" t="s">
        <v>37</v>
      </c>
      <c r="V48" s="3" t="s">
        <v>37</v>
      </c>
    </row>
    <row r="49" spans="1:22" x14ac:dyDescent="0.25">
      <c r="A49" s="3" t="s">
        <v>988</v>
      </c>
      <c r="B49" s="4" t="s">
        <v>23</v>
      </c>
      <c r="C49" s="3" t="s">
        <v>24</v>
      </c>
      <c r="D49" s="5" t="s">
        <v>1171</v>
      </c>
      <c r="E49" s="3" t="s">
        <v>1001</v>
      </c>
      <c r="F49" s="3" t="s">
        <v>1172</v>
      </c>
      <c r="G49" s="3" t="s">
        <v>213</v>
      </c>
      <c r="H49" s="3" t="s">
        <v>64</v>
      </c>
      <c r="I49" s="3" t="s">
        <v>1003</v>
      </c>
      <c r="J49" s="3" t="s">
        <v>1173</v>
      </c>
      <c r="K49" s="3" t="s">
        <v>32</v>
      </c>
      <c r="L49" s="3" t="s">
        <v>33</v>
      </c>
      <c r="M49" s="3" t="s">
        <v>34</v>
      </c>
      <c r="N49" s="3" t="s">
        <v>67</v>
      </c>
      <c r="O49" s="3" t="s">
        <v>52</v>
      </c>
      <c r="P49" s="3" t="s">
        <v>37</v>
      </c>
      <c r="Q49" s="3" t="s">
        <v>37</v>
      </c>
      <c r="R49" s="3" t="s">
        <v>38</v>
      </c>
      <c r="S49" s="3" t="s">
        <v>1174</v>
      </c>
      <c r="T49" s="3" t="s">
        <v>37</v>
      </c>
      <c r="U49" s="3" t="s">
        <v>37</v>
      </c>
      <c r="V49" s="3" t="s">
        <v>37</v>
      </c>
    </row>
    <row r="50" spans="1:22" x14ac:dyDescent="0.25">
      <c r="A50" s="3" t="s">
        <v>988</v>
      </c>
      <c r="B50" s="4" t="s">
        <v>23</v>
      </c>
      <c r="C50" s="3" t="s">
        <v>24</v>
      </c>
      <c r="D50" s="5" t="s">
        <v>236</v>
      </c>
      <c r="E50" s="3" t="s">
        <v>1001</v>
      </c>
      <c r="F50" s="3" t="s">
        <v>1002</v>
      </c>
      <c r="G50" s="3" t="s">
        <v>89</v>
      </c>
      <c r="H50" s="3" t="s">
        <v>64</v>
      </c>
      <c r="I50" s="3" t="s">
        <v>1003</v>
      </c>
      <c r="J50" s="3" t="s">
        <v>1004</v>
      </c>
      <c r="K50" s="3" t="s">
        <v>32</v>
      </c>
      <c r="L50" s="3" t="s">
        <v>33</v>
      </c>
      <c r="M50" s="3" t="s">
        <v>34</v>
      </c>
      <c r="N50" s="3" t="s">
        <v>67</v>
      </c>
      <c r="O50" s="3" t="s">
        <v>52</v>
      </c>
      <c r="P50" s="3" t="s">
        <v>37</v>
      </c>
      <c r="Q50" s="3" t="s">
        <v>37</v>
      </c>
      <c r="R50" s="3" t="s">
        <v>38</v>
      </c>
      <c r="S50" s="3" t="s">
        <v>1005</v>
      </c>
      <c r="T50" s="3" t="s">
        <v>37</v>
      </c>
      <c r="U50" s="3" t="s">
        <v>37</v>
      </c>
      <c r="V50" s="3" t="s">
        <v>37</v>
      </c>
    </row>
    <row r="51" spans="1:22" x14ac:dyDescent="0.25">
      <c r="A51" s="3" t="s">
        <v>988</v>
      </c>
      <c r="B51" s="4" t="s">
        <v>23</v>
      </c>
      <c r="C51" s="3" t="s">
        <v>24</v>
      </c>
      <c r="D51" s="5" t="s">
        <v>1175</v>
      </c>
      <c r="E51" s="3" t="s">
        <v>540</v>
      </c>
      <c r="F51" s="3" t="s">
        <v>1176</v>
      </c>
      <c r="G51" s="3" t="s">
        <v>84</v>
      </c>
      <c r="H51" s="3" t="s">
        <v>77</v>
      </c>
      <c r="I51" s="3" t="s">
        <v>670</v>
      </c>
      <c r="J51" s="3" t="s">
        <v>1177</v>
      </c>
      <c r="K51" s="3" t="s">
        <v>32</v>
      </c>
      <c r="L51" s="3" t="s">
        <v>33</v>
      </c>
      <c r="M51" s="3" t="s">
        <v>34</v>
      </c>
      <c r="N51" s="3" t="s">
        <v>79</v>
      </c>
      <c r="O51" s="3" t="s">
        <v>80</v>
      </c>
      <c r="P51" s="3" t="s">
        <v>37</v>
      </c>
      <c r="Q51" s="3" t="s">
        <v>37</v>
      </c>
      <c r="R51" s="3" t="s">
        <v>38</v>
      </c>
      <c r="S51" s="3" t="s">
        <v>1178</v>
      </c>
      <c r="T51" s="3" t="s">
        <v>37</v>
      </c>
      <c r="U51" s="3" t="s">
        <v>37</v>
      </c>
      <c r="V51" s="3" t="s">
        <v>37</v>
      </c>
    </row>
    <row r="52" spans="1:22" x14ac:dyDescent="0.25">
      <c r="A52" s="3"/>
      <c r="B52" s="4"/>
      <c r="C52" s="3"/>
      <c r="D52" s="5"/>
      <c r="E52" s="6" t="s">
        <v>1179</v>
      </c>
      <c r="F52" s="3"/>
      <c r="G52" s="3"/>
      <c r="H52" s="3"/>
      <c r="I52" s="3"/>
      <c r="J52" s="3"/>
      <c r="K52" s="3"/>
      <c r="L52" s="3"/>
      <c r="M52" s="3"/>
      <c r="N52" s="3"/>
      <c r="O52" s="3"/>
      <c r="P52" s="3"/>
      <c r="Q52" s="3"/>
      <c r="R52" s="3"/>
      <c r="S52" s="3"/>
      <c r="T52" s="3"/>
      <c r="U52" s="3"/>
      <c r="V52" s="3"/>
    </row>
    <row r="53" spans="1:22" x14ac:dyDescent="0.25">
      <c r="A53" s="3"/>
      <c r="B53" s="4"/>
      <c r="C53" s="3"/>
      <c r="D53" s="5"/>
      <c r="E53" s="3"/>
      <c r="F53" s="3"/>
      <c r="G53" s="3"/>
      <c r="H53" s="3"/>
      <c r="I53" s="3"/>
      <c r="J53" s="3"/>
      <c r="K53" s="3"/>
      <c r="L53" s="3"/>
      <c r="M53" s="3"/>
      <c r="N53" s="3"/>
      <c r="O53" s="3"/>
      <c r="P53" s="3"/>
      <c r="Q53" s="3"/>
      <c r="R53" s="3"/>
      <c r="S53" s="3"/>
      <c r="T53" s="3"/>
      <c r="U53" s="3"/>
      <c r="V53" s="3"/>
    </row>
    <row r="54" spans="1:22" x14ac:dyDescent="0.25">
      <c r="A54" s="3" t="s">
        <v>988</v>
      </c>
      <c r="B54" s="4" t="s">
        <v>247</v>
      </c>
      <c r="C54" s="3" t="s">
        <v>248</v>
      </c>
      <c r="D54" s="5" t="s">
        <v>25</v>
      </c>
      <c r="E54" s="3" t="s">
        <v>989</v>
      </c>
      <c r="F54" s="3" t="s">
        <v>1180</v>
      </c>
      <c r="G54" s="3" t="s">
        <v>1040</v>
      </c>
      <c r="H54" s="3" t="s">
        <v>29</v>
      </c>
      <c r="I54" s="3" t="s">
        <v>1181</v>
      </c>
      <c r="J54" s="3" t="s">
        <v>1182</v>
      </c>
      <c r="K54" s="3" t="s">
        <v>32</v>
      </c>
      <c r="L54" s="3" t="s">
        <v>33</v>
      </c>
      <c r="M54" s="3" t="s">
        <v>66</v>
      </c>
      <c r="N54" s="3" t="s">
        <v>993</v>
      </c>
      <c r="O54" s="3" t="s">
        <v>80</v>
      </c>
      <c r="P54" s="3" t="s">
        <v>37</v>
      </c>
      <c r="Q54" s="3" t="s">
        <v>37</v>
      </c>
      <c r="R54" s="3" t="s">
        <v>38</v>
      </c>
      <c r="S54" s="3" t="s">
        <v>1183</v>
      </c>
      <c r="T54" s="3" t="s">
        <v>37</v>
      </c>
      <c r="U54" s="3" t="s">
        <v>37</v>
      </c>
      <c r="V54" s="3" t="s">
        <v>37</v>
      </c>
    </row>
    <row r="55" spans="1:22" x14ac:dyDescent="0.25">
      <c r="A55" s="3" t="s">
        <v>988</v>
      </c>
      <c r="B55" s="4" t="s">
        <v>247</v>
      </c>
      <c r="C55" s="3" t="s">
        <v>248</v>
      </c>
      <c r="D55" s="5" t="s">
        <v>995</v>
      </c>
      <c r="E55" s="3" t="s">
        <v>989</v>
      </c>
      <c r="F55" s="3" t="s">
        <v>1184</v>
      </c>
      <c r="G55" s="3" t="s">
        <v>1185</v>
      </c>
      <c r="H55" s="3" t="s">
        <v>29</v>
      </c>
      <c r="I55" s="3" t="s">
        <v>998</v>
      </c>
      <c r="J55" s="3" t="s">
        <v>1186</v>
      </c>
      <c r="K55" s="3" t="s">
        <v>32</v>
      </c>
      <c r="L55" s="3" t="s">
        <v>33</v>
      </c>
      <c r="M55" s="3" t="s">
        <v>66</v>
      </c>
      <c r="N55" s="3" t="s">
        <v>993</v>
      </c>
      <c r="O55" s="3" t="s">
        <v>80</v>
      </c>
      <c r="P55" s="3" t="s">
        <v>37</v>
      </c>
      <c r="Q55" s="3" t="s">
        <v>37</v>
      </c>
      <c r="R55" s="3" t="s">
        <v>38</v>
      </c>
      <c r="S55" s="3" t="s">
        <v>1187</v>
      </c>
      <c r="T55" s="3" t="s">
        <v>37</v>
      </c>
      <c r="U55" s="3" t="s">
        <v>37</v>
      </c>
      <c r="V55" s="3" t="s">
        <v>37</v>
      </c>
    </row>
    <row r="56" spans="1:22" x14ac:dyDescent="0.25">
      <c r="A56" s="3" t="s">
        <v>988</v>
      </c>
      <c r="B56" s="4" t="s">
        <v>247</v>
      </c>
      <c r="C56" s="3" t="s">
        <v>248</v>
      </c>
      <c r="D56" s="5" t="s">
        <v>45</v>
      </c>
      <c r="E56" s="3" t="s">
        <v>1001</v>
      </c>
      <c r="F56" s="3" t="s">
        <v>1188</v>
      </c>
      <c r="G56" s="3" t="s">
        <v>94</v>
      </c>
      <c r="H56" s="3" t="s">
        <v>64</v>
      </c>
      <c r="I56" s="3" t="s">
        <v>1003</v>
      </c>
      <c r="J56" s="3" t="s">
        <v>1189</v>
      </c>
      <c r="K56" s="3" t="s">
        <v>32</v>
      </c>
      <c r="L56" s="3" t="s">
        <v>33</v>
      </c>
      <c r="M56" s="3" t="s">
        <v>34</v>
      </c>
      <c r="N56" s="3" t="s">
        <v>67</v>
      </c>
      <c r="O56" s="3" t="s">
        <v>52</v>
      </c>
      <c r="P56" s="3" t="s">
        <v>37</v>
      </c>
      <c r="Q56" s="3" t="s">
        <v>37</v>
      </c>
      <c r="R56" s="3" t="s">
        <v>38</v>
      </c>
      <c r="S56" s="3" t="s">
        <v>1190</v>
      </c>
      <c r="T56" s="3" t="s">
        <v>37</v>
      </c>
      <c r="U56" s="3" t="s">
        <v>37</v>
      </c>
      <c r="V56" s="3" t="s">
        <v>37</v>
      </c>
    </row>
    <row r="57" spans="1:22" x14ac:dyDescent="0.25">
      <c r="A57" s="3" t="s">
        <v>988</v>
      </c>
      <c r="B57" s="4" t="s">
        <v>247</v>
      </c>
      <c r="C57" s="3" t="s">
        <v>248</v>
      </c>
      <c r="D57" s="5" t="s">
        <v>1006</v>
      </c>
      <c r="E57" s="3" t="s">
        <v>1007</v>
      </c>
      <c r="F57" s="3" t="s">
        <v>1191</v>
      </c>
      <c r="G57" s="3" t="s">
        <v>104</v>
      </c>
      <c r="H57" s="3" t="s">
        <v>64</v>
      </c>
      <c r="I57" s="3" t="s">
        <v>37</v>
      </c>
      <c r="J57" s="7" t="s">
        <v>1009</v>
      </c>
      <c r="K57" s="3" t="s">
        <v>32</v>
      </c>
      <c r="L57" s="3" t="s">
        <v>33</v>
      </c>
      <c r="M57" s="3" t="s">
        <v>66</v>
      </c>
      <c r="N57" s="3" t="s">
        <v>67</v>
      </c>
      <c r="O57" s="3" t="s">
        <v>52</v>
      </c>
      <c r="P57" s="3" t="s">
        <v>37</v>
      </c>
      <c r="Q57" s="3" t="s">
        <v>37</v>
      </c>
      <c r="R57" s="3" t="s">
        <v>38</v>
      </c>
      <c r="S57" s="3" t="s">
        <v>1192</v>
      </c>
      <c r="T57" s="3" t="s">
        <v>37</v>
      </c>
      <c r="U57" s="3" t="s">
        <v>37</v>
      </c>
      <c r="V57" s="3" t="s">
        <v>37</v>
      </c>
    </row>
    <row r="58" spans="1:22" x14ac:dyDescent="0.25">
      <c r="A58" s="3" t="s">
        <v>988</v>
      </c>
      <c r="B58" s="4" t="s">
        <v>247</v>
      </c>
      <c r="C58" s="3" t="s">
        <v>248</v>
      </c>
      <c r="D58" s="5" t="s">
        <v>1011</v>
      </c>
      <c r="E58" s="3" t="s">
        <v>1012</v>
      </c>
      <c r="F58" s="3" t="s">
        <v>1193</v>
      </c>
      <c r="G58" s="3" t="s">
        <v>315</v>
      </c>
      <c r="H58" s="3" t="s">
        <v>64</v>
      </c>
      <c r="I58" s="3" t="s">
        <v>1020</v>
      </c>
      <c r="J58" s="3" t="s">
        <v>1194</v>
      </c>
      <c r="K58" s="3" t="s">
        <v>32</v>
      </c>
      <c r="L58" s="3" t="s">
        <v>33</v>
      </c>
      <c r="M58" s="3" t="s">
        <v>1016</v>
      </c>
      <c r="N58" s="3" t="s">
        <v>79</v>
      </c>
      <c r="O58" s="3" t="s">
        <v>161</v>
      </c>
      <c r="P58" s="3" t="s">
        <v>37</v>
      </c>
      <c r="Q58" s="3" t="s">
        <v>37</v>
      </c>
      <c r="R58" s="3" t="s">
        <v>38</v>
      </c>
      <c r="S58" s="3" t="s">
        <v>1195</v>
      </c>
      <c r="T58" s="3" t="s">
        <v>37</v>
      </c>
      <c r="U58" s="3" t="s">
        <v>37</v>
      </c>
      <c r="V58" s="3" t="s">
        <v>37</v>
      </c>
    </row>
    <row r="59" spans="1:22" x14ac:dyDescent="0.25">
      <c r="A59" s="3" t="s">
        <v>988</v>
      </c>
      <c r="B59" s="4" t="s">
        <v>247</v>
      </c>
      <c r="C59" s="3" t="s">
        <v>248</v>
      </c>
      <c r="D59" s="5" t="s">
        <v>1018</v>
      </c>
      <c r="E59" s="3" t="s">
        <v>1012</v>
      </c>
      <c r="F59" s="3" t="s">
        <v>1196</v>
      </c>
      <c r="G59" s="3" t="s">
        <v>283</v>
      </c>
      <c r="H59" s="3" t="s">
        <v>64</v>
      </c>
      <c r="I59" s="3" t="s">
        <v>1020</v>
      </c>
      <c r="J59" s="3" t="s">
        <v>1197</v>
      </c>
      <c r="K59" s="3" t="s">
        <v>32</v>
      </c>
      <c r="L59" s="3" t="s">
        <v>33</v>
      </c>
      <c r="M59" s="3" t="s">
        <v>1016</v>
      </c>
      <c r="N59" s="3" t="s">
        <v>79</v>
      </c>
      <c r="O59" s="3" t="s">
        <v>161</v>
      </c>
      <c r="P59" s="3" t="s">
        <v>37</v>
      </c>
      <c r="Q59" s="3" t="s">
        <v>37</v>
      </c>
      <c r="R59" s="3" t="s">
        <v>38</v>
      </c>
      <c r="S59" s="3" t="s">
        <v>1198</v>
      </c>
      <c r="T59" s="3" t="s">
        <v>37</v>
      </c>
      <c r="U59" s="3" t="s">
        <v>37</v>
      </c>
      <c r="V59" s="3" t="s">
        <v>37</v>
      </c>
    </row>
    <row r="60" spans="1:22" x14ac:dyDescent="0.25">
      <c r="A60" s="3" t="s">
        <v>988</v>
      </c>
      <c r="B60" s="4" t="s">
        <v>247</v>
      </c>
      <c r="C60" s="3" t="s">
        <v>248</v>
      </c>
      <c r="D60" s="5" t="s">
        <v>69</v>
      </c>
      <c r="E60" s="3" t="s">
        <v>1012</v>
      </c>
      <c r="F60" s="3" t="s">
        <v>1199</v>
      </c>
      <c r="G60" s="3" t="s">
        <v>288</v>
      </c>
      <c r="H60" s="3" t="s">
        <v>64</v>
      </c>
      <c r="I60" s="3" t="s">
        <v>1020</v>
      </c>
      <c r="J60" s="3" t="s">
        <v>1200</v>
      </c>
      <c r="K60" s="3" t="s">
        <v>32</v>
      </c>
      <c r="L60" s="3" t="s">
        <v>33</v>
      </c>
      <c r="M60" s="3" t="s">
        <v>1016</v>
      </c>
      <c r="N60" s="3" t="s">
        <v>79</v>
      </c>
      <c r="O60" s="3" t="s">
        <v>161</v>
      </c>
      <c r="P60" s="3" t="s">
        <v>37</v>
      </c>
      <c r="Q60" s="3" t="s">
        <v>37</v>
      </c>
      <c r="R60" s="3" t="s">
        <v>38</v>
      </c>
      <c r="S60" s="3" t="s">
        <v>1201</v>
      </c>
      <c r="T60" s="3" t="s">
        <v>37</v>
      </c>
      <c r="U60" s="3" t="s">
        <v>37</v>
      </c>
      <c r="V60" s="3" t="s">
        <v>37</v>
      </c>
    </row>
    <row r="61" spans="1:22" x14ac:dyDescent="0.25">
      <c r="A61" s="3" t="s">
        <v>988</v>
      </c>
      <c r="B61" s="4" t="s">
        <v>247</v>
      </c>
      <c r="C61" s="3" t="s">
        <v>248</v>
      </c>
      <c r="D61" s="5" t="s">
        <v>1026</v>
      </c>
      <c r="E61" s="3" t="s">
        <v>1012</v>
      </c>
      <c r="F61" s="3" t="s">
        <v>1202</v>
      </c>
      <c r="G61" s="3" t="s">
        <v>228</v>
      </c>
      <c r="H61" s="3" t="s">
        <v>64</v>
      </c>
      <c r="I61" s="3" t="s">
        <v>1020</v>
      </c>
      <c r="J61" s="3" t="s">
        <v>1203</v>
      </c>
      <c r="K61" s="3" t="s">
        <v>32</v>
      </c>
      <c r="L61" s="3" t="s">
        <v>33</v>
      </c>
      <c r="M61" s="3" t="s">
        <v>1016</v>
      </c>
      <c r="N61" s="3" t="s">
        <v>79</v>
      </c>
      <c r="O61" s="3" t="s">
        <v>161</v>
      </c>
      <c r="P61" s="3" t="s">
        <v>37</v>
      </c>
      <c r="Q61" s="3" t="s">
        <v>37</v>
      </c>
      <c r="R61" s="3" t="s">
        <v>38</v>
      </c>
      <c r="S61" s="3" t="s">
        <v>1204</v>
      </c>
      <c r="T61" s="3" t="s">
        <v>37</v>
      </c>
      <c r="U61" s="3" t="s">
        <v>37</v>
      </c>
      <c r="V61" s="3" t="s">
        <v>37</v>
      </c>
    </row>
    <row r="62" spans="1:22" x14ac:dyDescent="0.25">
      <c r="A62" s="3" t="s">
        <v>988</v>
      </c>
      <c r="B62" s="4" t="s">
        <v>247</v>
      </c>
      <c r="C62" s="3" t="s">
        <v>248</v>
      </c>
      <c r="D62" s="5" t="s">
        <v>1030</v>
      </c>
      <c r="E62" s="3" t="s">
        <v>1012</v>
      </c>
      <c r="F62" s="3" t="s">
        <v>1205</v>
      </c>
      <c r="G62" s="3" t="s">
        <v>104</v>
      </c>
      <c r="H62" s="3" t="s">
        <v>64</v>
      </c>
      <c r="I62" s="3" t="s">
        <v>1014</v>
      </c>
      <c r="J62" s="3" t="s">
        <v>1206</v>
      </c>
      <c r="K62" s="3" t="s">
        <v>32</v>
      </c>
      <c r="L62" s="3" t="s">
        <v>33</v>
      </c>
      <c r="M62" s="3" t="s">
        <v>1016</v>
      </c>
      <c r="N62" s="3" t="s">
        <v>79</v>
      </c>
      <c r="O62" s="3" t="s">
        <v>161</v>
      </c>
      <c r="P62" s="3" t="s">
        <v>37</v>
      </c>
      <c r="Q62" s="3" t="s">
        <v>37</v>
      </c>
      <c r="R62" s="3" t="s">
        <v>38</v>
      </c>
      <c r="S62" s="3" t="s">
        <v>1207</v>
      </c>
      <c r="T62" s="3" t="s">
        <v>37</v>
      </c>
      <c r="U62" s="3" t="s">
        <v>37</v>
      </c>
      <c r="V62" s="3" t="s">
        <v>37</v>
      </c>
    </row>
    <row r="63" spans="1:22" x14ac:dyDescent="0.25">
      <c r="A63" s="3" t="s">
        <v>988</v>
      </c>
      <c r="B63" s="4" t="s">
        <v>247</v>
      </c>
      <c r="C63" s="3" t="s">
        <v>248</v>
      </c>
      <c r="D63" s="5" t="s">
        <v>82</v>
      </c>
      <c r="E63" s="3" t="s">
        <v>1012</v>
      </c>
      <c r="F63" s="3" t="s">
        <v>1208</v>
      </c>
      <c r="G63" s="3" t="s">
        <v>274</v>
      </c>
      <c r="H63" s="3" t="s">
        <v>64</v>
      </c>
      <c r="I63" s="3" t="s">
        <v>1014</v>
      </c>
      <c r="J63" s="3" t="s">
        <v>1209</v>
      </c>
      <c r="K63" s="3" t="s">
        <v>32</v>
      </c>
      <c r="L63" s="3" t="s">
        <v>33</v>
      </c>
      <c r="M63" s="3" t="s">
        <v>1016</v>
      </c>
      <c r="N63" s="3" t="s">
        <v>79</v>
      </c>
      <c r="O63" s="3" t="s">
        <v>161</v>
      </c>
      <c r="P63" s="3" t="s">
        <v>37</v>
      </c>
      <c r="Q63" s="3" t="s">
        <v>37</v>
      </c>
      <c r="R63" s="3" t="s">
        <v>38</v>
      </c>
      <c r="S63" s="3" t="s">
        <v>1210</v>
      </c>
      <c r="T63" s="3" t="s">
        <v>37</v>
      </c>
      <c r="U63" s="3" t="s">
        <v>37</v>
      </c>
      <c r="V63" s="3" t="s">
        <v>37</v>
      </c>
    </row>
    <row r="64" spans="1:22" x14ac:dyDescent="0.25">
      <c r="A64" s="3" t="s">
        <v>988</v>
      </c>
      <c r="B64" s="4" t="s">
        <v>247</v>
      </c>
      <c r="C64" s="3" t="s">
        <v>248</v>
      </c>
      <c r="D64" s="5" t="s">
        <v>1037</v>
      </c>
      <c r="E64" s="3" t="s">
        <v>1038</v>
      </c>
      <c r="F64" s="3" t="s">
        <v>1044</v>
      </c>
      <c r="G64" s="3" t="s">
        <v>1045</v>
      </c>
      <c r="H64" s="3" t="s">
        <v>77</v>
      </c>
      <c r="I64" s="3" t="s">
        <v>37</v>
      </c>
      <c r="J64" s="3" t="s">
        <v>1046</v>
      </c>
      <c r="K64" s="3" t="s">
        <v>32</v>
      </c>
      <c r="L64" s="3" t="s">
        <v>33</v>
      </c>
      <c r="M64" s="3" t="s">
        <v>66</v>
      </c>
      <c r="N64" s="3" t="s">
        <v>79</v>
      </c>
      <c r="O64" s="3" t="s">
        <v>80</v>
      </c>
      <c r="P64" s="3" t="s">
        <v>37</v>
      </c>
      <c r="Q64" s="3" t="s">
        <v>37</v>
      </c>
      <c r="R64" s="3" t="s">
        <v>38</v>
      </c>
      <c r="S64" s="3" t="s">
        <v>1047</v>
      </c>
      <c r="T64" s="3" t="s">
        <v>37</v>
      </c>
      <c r="U64" s="3" t="s">
        <v>37</v>
      </c>
      <c r="V64" s="3" t="s">
        <v>37</v>
      </c>
    </row>
    <row r="65" spans="1:22" x14ac:dyDescent="0.25">
      <c r="A65" s="3" t="s">
        <v>988</v>
      </c>
      <c r="B65" s="4" t="s">
        <v>247</v>
      </c>
      <c r="C65" s="3" t="s">
        <v>248</v>
      </c>
      <c r="D65" s="5" t="s">
        <v>1043</v>
      </c>
      <c r="E65" s="3" t="s">
        <v>1038</v>
      </c>
      <c r="F65" s="3" t="s">
        <v>1211</v>
      </c>
      <c r="G65" s="3" t="s">
        <v>497</v>
      </c>
      <c r="H65" s="3" t="s">
        <v>77</v>
      </c>
      <c r="I65" s="3" t="s">
        <v>37</v>
      </c>
      <c r="J65" s="3" t="s">
        <v>1212</v>
      </c>
      <c r="K65" s="3" t="s">
        <v>32</v>
      </c>
      <c r="L65" s="3" t="s">
        <v>33</v>
      </c>
      <c r="M65" s="3" t="s">
        <v>66</v>
      </c>
      <c r="N65" s="3" t="s">
        <v>79</v>
      </c>
      <c r="O65" s="3" t="s">
        <v>80</v>
      </c>
      <c r="P65" s="3" t="s">
        <v>37</v>
      </c>
      <c r="Q65" s="3" t="s">
        <v>37</v>
      </c>
      <c r="R65" s="3" t="s">
        <v>38</v>
      </c>
      <c r="S65" s="3" t="s">
        <v>1213</v>
      </c>
      <c r="T65" s="3" t="s">
        <v>37</v>
      </c>
      <c r="U65" s="3" t="s">
        <v>37</v>
      </c>
      <c r="V65" s="3" t="s">
        <v>37</v>
      </c>
    </row>
    <row r="66" spans="1:22" x14ac:dyDescent="0.25">
      <c r="A66" s="3" t="s">
        <v>988</v>
      </c>
      <c r="B66" s="4" t="s">
        <v>247</v>
      </c>
      <c r="C66" s="3" t="s">
        <v>248</v>
      </c>
      <c r="D66" s="5" t="s">
        <v>1048</v>
      </c>
      <c r="E66" s="3" t="s">
        <v>1126</v>
      </c>
      <c r="F66" s="3" t="s">
        <v>1136</v>
      </c>
      <c r="G66" s="3" t="s">
        <v>422</v>
      </c>
      <c r="H66" s="3" t="s">
        <v>29</v>
      </c>
      <c r="I66" s="3" t="s">
        <v>37</v>
      </c>
      <c r="J66" s="7" t="s">
        <v>1137</v>
      </c>
      <c r="K66" s="3" t="s">
        <v>32</v>
      </c>
      <c r="L66" s="3" t="s">
        <v>33</v>
      </c>
      <c r="M66" s="3" t="s">
        <v>66</v>
      </c>
      <c r="N66" s="3" t="s">
        <v>67</v>
      </c>
      <c r="O66" s="3" t="s">
        <v>80</v>
      </c>
      <c r="P66" s="3" t="s">
        <v>37</v>
      </c>
      <c r="Q66" s="3" t="s">
        <v>37</v>
      </c>
      <c r="R66" s="3" t="s">
        <v>38</v>
      </c>
      <c r="S66" s="3" t="s">
        <v>1138</v>
      </c>
      <c r="T66" s="3" t="s">
        <v>37</v>
      </c>
      <c r="U66" s="3" t="s">
        <v>37</v>
      </c>
      <c r="V66" s="3" t="s">
        <v>37</v>
      </c>
    </row>
    <row r="67" spans="1:22" x14ac:dyDescent="0.25">
      <c r="A67" s="3" t="s">
        <v>988</v>
      </c>
      <c r="B67" s="4" t="s">
        <v>247</v>
      </c>
      <c r="C67" s="3" t="s">
        <v>248</v>
      </c>
      <c r="D67" s="5" t="s">
        <v>1053</v>
      </c>
      <c r="E67" s="3" t="s">
        <v>540</v>
      </c>
      <c r="F67" s="3" t="s">
        <v>1140</v>
      </c>
      <c r="G67" s="3" t="s">
        <v>782</v>
      </c>
      <c r="H67" s="3" t="s">
        <v>77</v>
      </c>
      <c r="I67" s="3" t="s">
        <v>670</v>
      </c>
      <c r="J67" s="3" t="s">
        <v>1141</v>
      </c>
      <c r="K67" s="3" t="s">
        <v>32</v>
      </c>
      <c r="L67" s="3" t="s">
        <v>33</v>
      </c>
      <c r="M67" s="3" t="s">
        <v>34</v>
      </c>
      <c r="N67" s="3" t="s">
        <v>79</v>
      </c>
      <c r="O67" s="3" t="s">
        <v>80</v>
      </c>
      <c r="P67" s="3" t="s">
        <v>37</v>
      </c>
      <c r="Q67" s="3" t="s">
        <v>37</v>
      </c>
      <c r="R67" s="3" t="s">
        <v>38</v>
      </c>
      <c r="S67" s="3" t="s">
        <v>1142</v>
      </c>
      <c r="T67" s="3" t="s">
        <v>37</v>
      </c>
      <c r="U67" s="3" t="s">
        <v>37</v>
      </c>
      <c r="V67" s="3" t="s">
        <v>37</v>
      </c>
    </row>
    <row r="68" spans="1:22" x14ac:dyDescent="0.25">
      <c r="A68" s="3" t="s">
        <v>988</v>
      </c>
      <c r="B68" s="4" t="s">
        <v>247</v>
      </c>
      <c r="C68" s="3" t="s">
        <v>248</v>
      </c>
      <c r="D68" s="5" t="s">
        <v>107</v>
      </c>
      <c r="E68" s="3" t="s">
        <v>1144</v>
      </c>
      <c r="F68" s="3" t="s">
        <v>37</v>
      </c>
      <c r="G68" s="3">
        <v>1</v>
      </c>
      <c r="H68" s="3">
        <v>0</v>
      </c>
      <c r="I68" s="3" t="s">
        <v>1145</v>
      </c>
      <c r="J68" s="3" t="s">
        <v>1146</v>
      </c>
      <c r="K68" s="3" t="s">
        <v>33</v>
      </c>
      <c r="L68" s="3" t="s">
        <v>33</v>
      </c>
      <c r="M68" s="3" t="s">
        <v>66</v>
      </c>
      <c r="N68" s="3" t="s">
        <v>386</v>
      </c>
      <c r="O68" s="3" t="s">
        <v>1147</v>
      </c>
      <c r="P68" s="3" t="s">
        <v>37</v>
      </c>
      <c r="Q68" s="3" t="s">
        <v>37</v>
      </c>
      <c r="R68" s="3" t="s">
        <v>38</v>
      </c>
      <c r="S68" s="3" t="s">
        <v>1148</v>
      </c>
      <c r="T68" s="3" t="s">
        <v>37</v>
      </c>
      <c r="U68" s="3" t="s">
        <v>37</v>
      </c>
      <c r="V68" s="3" t="s">
        <v>37</v>
      </c>
    </row>
    <row r="69" spans="1:22" x14ac:dyDescent="0.25">
      <c r="A69" s="3" t="s">
        <v>988</v>
      </c>
      <c r="B69" s="4" t="s">
        <v>247</v>
      </c>
      <c r="C69" s="3" t="s">
        <v>248</v>
      </c>
      <c r="D69" s="5" t="s">
        <v>1062</v>
      </c>
      <c r="E69" s="3" t="s">
        <v>1214</v>
      </c>
      <c r="F69" s="3" t="s">
        <v>1215</v>
      </c>
      <c r="G69" s="3" t="s">
        <v>153</v>
      </c>
      <c r="H69" s="3" t="s">
        <v>64</v>
      </c>
      <c r="I69" s="3" t="s">
        <v>1216</v>
      </c>
      <c r="J69" s="3" t="s">
        <v>1217</v>
      </c>
      <c r="K69" s="3" t="s">
        <v>32</v>
      </c>
      <c r="L69" s="3" t="s">
        <v>33</v>
      </c>
      <c r="M69" s="3" t="s">
        <v>66</v>
      </c>
      <c r="N69" s="3" t="s">
        <v>67</v>
      </c>
      <c r="O69" s="3" t="s">
        <v>36</v>
      </c>
      <c r="P69" s="3" t="s">
        <v>37</v>
      </c>
      <c r="Q69" s="3" t="s">
        <v>37</v>
      </c>
      <c r="R69" s="3" t="s">
        <v>38</v>
      </c>
      <c r="S69" s="3" t="s">
        <v>1218</v>
      </c>
      <c r="T69" s="3" t="s">
        <v>37</v>
      </c>
      <c r="U69" s="3" t="s">
        <v>37</v>
      </c>
      <c r="V69" s="3" t="s">
        <v>37</v>
      </c>
    </row>
    <row r="70" spans="1:22" x14ac:dyDescent="0.25">
      <c r="A70" s="3" t="s">
        <v>988</v>
      </c>
      <c r="B70" s="4" t="s">
        <v>247</v>
      </c>
      <c r="C70" s="3" t="s">
        <v>248</v>
      </c>
      <c r="D70" s="5" t="s">
        <v>483</v>
      </c>
      <c r="E70" s="3" t="s">
        <v>1214</v>
      </c>
      <c r="F70" s="3" t="s">
        <v>1219</v>
      </c>
      <c r="G70" s="3" t="s">
        <v>281</v>
      </c>
      <c r="H70" s="3" t="s">
        <v>64</v>
      </c>
      <c r="I70" s="3" t="s">
        <v>1216</v>
      </c>
      <c r="J70" s="3" t="s">
        <v>1220</v>
      </c>
      <c r="K70" s="3" t="s">
        <v>32</v>
      </c>
      <c r="L70" s="3" t="s">
        <v>33</v>
      </c>
      <c r="M70" s="3" t="s">
        <v>66</v>
      </c>
      <c r="N70" s="3" t="s">
        <v>67</v>
      </c>
      <c r="O70" s="3" t="s">
        <v>36</v>
      </c>
      <c r="P70" s="3" t="s">
        <v>37</v>
      </c>
      <c r="Q70" s="3" t="s">
        <v>37</v>
      </c>
      <c r="R70" s="3" t="s">
        <v>38</v>
      </c>
      <c r="S70" s="3" t="s">
        <v>1221</v>
      </c>
      <c r="T70" s="3" t="s">
        <v>37</v>
      </c>
      <c r="U70" s="3" t="s">
        <v>37</v>
      </c>
      <c r="V70" s="3" t="s">
        <v>37</v>
      </c>
    </row>
    <row r="71" spans="1:22" x14ac:dyDescent="0.25">
      <c r="A71" s="3" t="s">
        <v>988</v>
      </c>
      <c r="B71" s="4" t="s">
        <v>247</v>
      </c>
      <c r="C71" s="3" t="s">
        <v>248</v>
      </c>
      <c r="D71" s="5" t="s">
        <v>130</v>
      </c>
      <c r="E71" s="3" t="s">
        <v>1214</v>
      </c>
      <c r="F71" s="3" t="s">
        <v>1222</v>
      </c>
      <c r="G71" s="3" t="s">
        <v>63</v>
      </c>
      <c r="H71" s="3" t="s">
        <v>64</v>
      </c>
      <c r="I71" s="3" t="s">
        <v>1216</v>
      </c>
      <c r="J71" s="3" t="s">
        <v>1223</v>
      </c>
      <c r="K71" s="3" t="s">
        <v>32</v>
      </c>
      <c r="L71" s="3" t="s">
        <v>33</v>
      </c>
      <c r="M71" s="3" t="s">
        <v>66</v>
      </c>
      <c r="N71" s="3" t="s">
        <v>67</v>
      </c>
      <c r="O71" s="3" t="s">
        <v>36</v>
      </c>
      <c r="P71" s="3" t="s">
        <v>37</v>
      </c>
      <c r="Q71" s="3" t="s">
        <v>37</v>
      </c>
      <c r="R71" s="3" t="s">
        <v>38</v>
      </c>
      <c r="S71" s="3" t="s">
        <v>1224</v>
      </c>
      <c r="T71" s="3" t="s">
        <v>37</v>
      </c>
      <c r="U71" s="3" t="s">
        <v>37</v>
      </c>
      <c r="V71" s="3" t="s">
        <v>37</v>
      </c>
    </row>
    <row r="72" spans="1:22" x14ac:dyDescent="0.25">
      <c r="A72" s="3" t="s">
        <v>988</v>
      </c>
      <c r="B72" s="4" t="s">
        <v>247</v>
      </c>
      <c r="C72" s="3" t="s">
        <v>248</v>
      </c>
      <c r="D72" s="5" t="s">
        <v>495</v>
      </c>
      <c r="E72" s="3" t="s">
        <v>1214</v>
      </c>
      <c r="F72" s="3" t="s">
        <v>1225</v>
      </c>
      <c r="G72" s="3" t="s">
        <v>283</v>
      </c>
      <c r="H72" s="3" t="s">
        <v>64</v>
      </c>
      <c r="I72" s="3" t="s">
        <v>1216</v>
      </c>
      <c r="J72" s="3" t="s">
        <v>1226</v>
      </c>
      <c r="K72" s="3" t="s">
        <v>32</v>
      </c>
      <c r="L72" s="3" t="s">
        <v>33</v>
      </c>
      <c r="M72" s="3" t="s">
        <v>66</v>
      </c>
      <c r="N72" s="3" t="s">
        <v>67</v>
      </c>
      <c r="O72" s="3" t="s">
        <v>80</v>
      </c>
      <c r="P72" s="3" t="s">
        <v>37</v>
      </c>
      <c r="Q72" s="3" t="s">
        <v>37</v>
      </c>
      <c r="R72" s="3" t="s">
        <v>38</v>
      </c>
      <c r="S72" s="3" t="s">
        <v>1227</v>
      </c>
      <c r="T72" s="3" t="s">
        <v>37</v>
      </c>
      <c r="U72" s="3" t="s">
        <v>37</v>
      </c>
      <c r="V72" s="3" t="s">
        <v>37</v>
      </c>
    </row>
    <row r="73" spans="1:22" x14ac:dyDescent="0.25">
      <c r="A73" s="3" t="s">
        <v>988</v>
      </c>
      <c r="B73" s="4" t="s">
        <v>247</v>
      </c>
      <c r="C73" s="3" t="s">
        <v>248</v>
      </c>
      <c r="D73" s="5" t="s">
        <v>140</v>
      </c>
      <c r="E73" s="3" t="s">
        <v>1214</v>
      </c>
      <c r="F73" s="3" t="s">
        <v>1228</v>
      </c>
      <c r="G73" s="3" t="s">
        <v>465</v>
      </c>
      <c r="H73" s="3" t="s">
        <v>64</v>
      </c>
      <c r="I73" s="3" t="s">
        <v>1216</v>
      </c>
      <c r="J73" s="3" t="s">
        <v>1229</v>
      </c>
      <c r="K73" s="3" t="s">
        <v>32</v>
      </c>
      <c r="L73" s="3" t="s">
        <v>33</v>
      </c>
      <c r="M73" s="3" t="s">
        <v>66</v>
      </c>
      <c r="N73" s="3" t="s">
        <v>67</v>
      </c>
      <c r="O73" s="3" t="s">
        <v>80</v>
      </c>
      <c r="P73" s="3" t="s">
        <v>37</v>
      </c>
      <c r="Q73" s="3" t="s">
        <v>37</v>
      </c>
      <c r="R73" s="3" t="s">
        <v>38</v>
      </c>
      <c r="S73" s="3" t="s">
        <v>1230</v>
      </c>
      <c r="T73" s="3" t="s">
        <v>37</v>
      </c>
      <c r="U73" s="3" t="s">
        <v>37</v>
      </c>
      <c r="V73" s="3" t="s">
        <v>37</v>
      </c>
    </row>
    <row r="74" spans="1:22" x14ac:dyDescent="0.25">
      <c r="A74" s="3" t="s">
        <v>988</v>
      </c>
      <c r="B74" s="4" t="s">
        <v>247</v>
      </c>
      <c r="C74" s="3" t="s">
        <v>248</v>
      </c>
      <c r="D74" s="5" t="s">
        <v>503</v>
      </c>
      <c r="E74" s="3" t="s">
        <v>1214</v>
      </c>
      <c r="F74" s="3" t="s">
        <v>1231</v>
      </c>
      <c r="G74" s="3" t="s">
        <v>505</v>
      </c>
      <c r="H74" s="3" t="s">
        <v>64</v>
      </c>
      <c r="I74" s="3" t="s">
        <v>1216</v>
      </c>
      <c r="J74" s="3" t="s">
        <v>1232</v>
      </c>
      <c r="K74" s="3" t="s">
        <v>32</v>
      </c>
      <c r="L74" s="3" t="s">
        <v>33</v>
      </c>
      <c r="M74" s="3" t="s">
        <v>66</v>
      </c>
      <c r="N74" s="3" t="s">
        <v>67</v>
      </c>
      <c r="O74" s="3" t="s">
        <v>36</v>
      </c>
      <c r="P74" s="3" t="s">
        <v>37</v>
      </c>
      <c r="Q74" s="3" t="s">
        <v>37</v>
      </c>
      <c r="R74" s="3" t="s">
        <v>38</v>
      </c>
      <c r="S74" s="3" t="s">
        <v>1233</v>
      </c>
      <c r="T74" s="3" t="s">
        <v>37</v>
      </c>
      <c r="U74" s="3" t="s">
        <v>37</v>
      </c>
      <c r="V74" s="3" t="s">
        <v>37</v>
      </c>
    </row>
    <row r="75" spans="1:22" x14ac:dyDescent="0.25">
      <c r="A75" s="3" t="s">
        <v>988</v>
      </c>
      <c r="B75" s="4" t="s">
        <v>247</v>
      </c>
      <c r="C75" s="3" t="s">
        <v>248</v>
      </c>
      <c r="D75" s="5" t="s">
        <v>154</v>
      </c>
      <c r="E75" s="3" t="s">
        <v>1049</v>
      </c>
      <c r="F75" s="3" t="s">
        <v>1234</v>
      </c>
      <c r="G75" s="3" t="s">
        <v>89</v>
      </c>
      <c r="H75" s="3" t="s">
        <v>64</v>
      </c>
      <c r="I75" s="3" t="s">
        <v>37</v>
      </c>
      <c r="J75" s="3" t="s">
        <v>1235</v>
      </c>
      <c r="K75" s="3" t="s">
        <v>32</v>
      </c>
      <c r="L75" s="3" t="s">
        <v>33</v>
      </c>
      <c r="M75" s="3" t="s">
        <v>66</v>
      </c>
      <c r="N75" s="3" t="s">
        <v>79</v>
      </c>
      <c r="O75" s="3" t="s">
        <v>80</v>
      </c>
      <c r="P75" s="3" t="s">
        <v>37</v>
      </c>
      <c r="Q75" s="3" t="s">
        <v>37</v>
      </c>
      <c r="R75" s="3" t="s">
        <v>38</v>
      </c>
      <c r="S75" s="3" t="s">
        <v>1236</v>
      </c>
      <c r="T75" s="3" t="s">
        <v>37</v>
      </c>
      <c r="U75" s="3" t="s">
        <v>37</v>
      </c>
      <c r="V75" s="3" t="s">
        <v>37</v>
      </c>
    </row>
    <row r="76" spans="1:22" x14ac:dyDescent="0.25">
      <c r="A76" s="3" t="s">
        <v>988</v>
      </c>
      <c r="B76" s="4" t="s">
        <v>247</v>
      </c>
      <c r="C76" s="3" t="s">
        <v>248</v>
      </c>
      <c r="D76" s="5" t="s">
        <v>168</v>
      </c>
      <c r="E76" s="3" t="s">
        <v>1126</v>
      </c>
      <c r="F76" s="3" t="s">
        <v>1237</v>
      </c>
      <c r="G76" s="3" t="s">
        <v>465</v>
      </c>
      <c r="H76" s="3" t="s">
        <v>64</v>
      </c>
      <c r="I76" s="3" t="s">
        <v>1238</v>
      </c>
      <c r="J76" s="3" t="s">
        <v>1239</v>
      </c>
      <c r="K76" s="3" t="s">
        <v>32</v>
      </c>
      <c r="L76" s="3" t="s">
        <v>33</v>
      </c>
      <c r="M76" s="3" t="s">
        <v>66</v>
      </c>
      <c r="N76" s="3" t="s">
        <v>160</v>
      </c>
      <c r="O76" s="3" t="s">
        <v>80</v>
      </c>
      <c r="P76" s="3" t="s">
        <v>37</v>
      </c>
      <c r="Q76" s="3" t="s">
        <v>37</v>
      </c>
      <c r="R76" s="3" t="s">
        <v>38</v>
      </c>
      <c r="S76" s="3" t="s">
        <v>1240</v>
      </c>
      <c r="T76" s="3" t="s">
        <v>37</v>
      </c>
      <c r="U76" s="3" t="s">
        <v>37</v>
      </c>
      <c r="V76" s="3" t="s">
        <v>37</v>
      </c>
    </row>
    <row r="77" spans="1:22" x14ac:dyDescent="0.25">
      <c r="A77" s="3" t="s">
        <v>988</v>
      </c>
      <c r="B77" s="4" t="s">
        <v>247</v>
      </c>
      <c r="C77" s="3" t="s">
        <v>248</v>
      </c>
      <c r="D77" s="5" t="s">
        <v>1131</v>
      </c>
      <c r="E77" s="3" t="s">
        <v>1007</v>
      </c>
      <c r="F77" s="3" t="s">
        <v>1241</v>
      </c>
      <c r="G77" s="3" t="s">
        <v>29</v>
      </c>
      <c r="H77" s="3" t="s">
        <v>64</v>
      </c>
      <c r="I77" s="3" t="s">
        <v>37</v>
      </c>
      <c r="J77" s="3" t="s">
        <v>1242</v>
      </c>
      <c r="K77" s="3" t="s">
        <v>32</v>
      </c>
      <c r="L77" s="3" t="s">
        <v>33</v>
      </c>
      <c r="M77" s="3" t="s">
        <v>66</v>
      </c>
      <c r="N77" s="3" t="s">
        <v>67</v>
      </c>
      <c r="O77" s="3" t="s">
        <v>52</v>
      </c>
      <c r="P77" s="3" t="s">
        <v>37</v>
      </c>
      <c r="Q77" s="3" t="s">
        <v>37</v>
      </c>
      <c r="R77" s="3" t="s">
        <v>38</v>
      </c>
      <c r="S77" s="3" t="s">
        <v>1243</v>
      </c>
      <c r="T77" s="3" t="s">
        <v>37</v>
      </c>
      <c r="U77" s="3" t="s">
        <v>37</v>
      </c>
      <c r="V77" s="3" t="s">
        <v>37</v>
      </c>
    </row>
    <row r="78" spans="1:22" x14ac:dyDescent="0.25">
      <c r="A78" s="3" t="s">
        <v>988</v>
      </c>
      <c r="B78" s="4" t="s">
        <v>247</v>
      </c>
      <c r="C78" s="3" t="s">
        <v>248</v>
      </c>
      <c r="D78" s="5" t="s">
        <v>1135</v>
      </c>
      <c r="E78" s="3" t="s">
        <v>1049</v>
      </c>
      <c r="F78" s="3" t="s">
        <v>1050</v>
      </c>
      <c r="G78" s="3" t="s">
        <v>239</v>
      </c>
      <c r="H78" s="3" t="s">
        <v>64</v>
      </c>
      <c r="I78" s="3" t="s">
        <v>37</v>
      </c>
      <c r="J78" s="3" t="s">
        <v>1051</v>
      </c>
      <c r="K78" s="3" t="s">
        <v>32</v>
      </c>
      <c r="L78" s="3" t="s">
        <v>33</v>
      </c>
      <c r="M78" s="3" t="s">
        <v>66</v>
      </c>
      <c r="N78" s="3" t="s">
        <v>79</v>
      </c>
      <c r="O78" s="3" t="s">
        <v>80</v>
      </c>
      <c r="P78" s="3" t="s">
        <v>37</v>
      </c>
      <c r="Q78" s="3" t="s">
        <v>37</v>
      </c>
      <c r="R78" s="3" t="s">
        <v>38</v>
      </c>
      <c r="S78" s="3" t="s">
        <v>1052</v>
      </c>
      <c r="T78" s="3" t="s">
        <v>37</v>
      </c>
      <c r="U78" s="3" t="s">
        <v>37</v>
      </c>
      <c r="V78" s="3" t="s">
        <v>37</v>
      </c>
    </row>
    <row r="79" spans="1:22" x14ac:dyDescent="0.25">
      <c r="A79" s="3" t="s">
        <v>988</v>
      </c>
      <c r="B79" s="4" t="s">
        <v>247</v>
      </c>
      <c r="C79" s="3" t="s">
        <v>248</v>
      </c>
      <c r="D79" s="5" t="s">
        <v>1139</v>
      </c>
      <c r="E79" s="3" t="s">
        <v>1007</v>
      </c>
      <c r="F79" s="3" t="s">
        <v>1054</v>
      </c>
      <c r="G79" s="3" t="s">
        <v>70</v>
      </c>
      <c r="H79" s="3" t="s">
        <v>64</v>
      </c>
      <c r="I79" s="3" t="s">
        <v>37</v>
      </c>
      <c r="J79" s="3" t="s">
        <v>1055</v>
      </c>
      <c r="K79" s="3" t="s">
        <v>32</v>
      </c>
      <c r="L79" s="3" t="s">
        <v>33</v>
      </c>
      <c r="M79" s="3" t="s">
        <v>66</v>
      </c>
      <c r="N79" s="3" t="s">
        <v>67</v>
      </c>
      <c r="O79" s="3" t="s">
        <v>52</v>
      </c>
      <c r="P79" s="3" t="s">
        <v>37</v>
      </c>
      <c r="Q79" s="3" t="s">
        <v>37</v>
      </c>
      <c r="R79" s="3" t="s">
        <v>38</v>
      </c>
      <c r="S79" s="3" t="s">
        <v>1056</v>
      </c>
      <c r="T79" s="3" t="s">
        <v>37</v>
      </c>
      <c r="U79" s="3" t="s">
        <v>37</v>
      </c>
      <c r="V79" s="3" t="s">
        <v>37</v>
      </c>
    </row>
    <row r="80" spans="1:22" x14ac:dyDescent="0.25">
      <c r="A80" s="3" t="s">
        <v>988</v>
      </c>
      <c r="B80" s="4" t="s">
        <v>247</v>
      </c>
      <c r="C80" s="3" t="s">
        <v>248</v>
      </c>
      <c r="D80" s="5" t="s">
        <v>1143</v>
      </c>
      <c r="E80" s="3" t="s">
        <v>1057</v>
      </c>
      <c r="F80" s="3" t="s">
        <v>37</v>
      </c>
      <c r="G80" s="3">
        <v>1</v>
      </c>
      <c r="H80" s="3">
        <v>0</v>
      </c>
      <c r="I80" s="3" t="s">
        <v>1058</v>
      </c>
      <c r="J80" s="3" t="s">
        <v>1059</v>
      </c>
      <c r="K80" s="3" t="s">
        <v>1060</v>
      </c>
      <c r="L80" s="3" t="s">
        <v>33</v>
      </c>
      <c r="M80" s="3" t="s">
        <v>66</v>
      </c>
      <c r="N80" s="3" t="s">
        <v>386</v>
      </c>
      <c r="O80" s="3" t="s">
        <v>691</v>
      </c>
      <c r="P80" s="3" t="s">
        <v>37</v>
      </c>
      <c r="Q80" s="3" t="s">
        <v>37</v>
      </c>
      <c r="R80" s="3" t="s">
        <v>38</v>
      </c>
      <c r="S80" s="3" t="s">
        <v>1061</v>
      </c>
      <c r="T80" s="3" t="s">
        <v>37</v>
      </c>
      <c r="U80" s="3" t="s">
        <v>37</v>
      </c>
      <c r="V80" s="3" t="s">
        <v>37</v>
      </c>
    </row>
    <row r="81" spans="1:22" x14ac:dyDescent="0.25">
      <c r="A81" s="3" t="s">
        <v>988</v>
      </c>
      <c r="B81" s="4" t="s">
        <v>247</v>
      </c>
      <c r="C81" s="3" t="s">
        <v>248</v>
      </c>
      <c r="D81" s="5" t="s">
        <v>1149</v>
      </c>
      <c r="E81" s="3" t="s">
        <v>1150</v>
      </c>
      <c r="F81" s="3" t="s">
        <v>1244</v>
      </c>
      <c r="G81" s="3" t="s">
        <v>782</v>
      </c>
      <c r="H81" s="3" t="s">
        <v>77</v>
      </c>
      <c r="I81" s="3" t="s">
        <v>37</v>
      </c>
      <c r="J81" s="3" t="s">
        <v>1245</v>
      </c>
      <c r="K81" s="3" t="s">
        <v>32</v>
      </c>
      <c r="L81" s="3" t="s">
        <v>33</v>
      </c>
      <c r="M81" s="3" t="s">
        <v>66</v>
      </c>
      <c r="N81" s="3" t="s">
        <v>67</v>
      </c>
      <c r="O81" s="3" t="s">
        <v>52</v>
      </c>
      <c r="P81" s="3" t="s">
        <v>37</v>
      </c>
      <c r="Q81" s="3" t="s">
        <v>37</v>
      </c>
      <c r="R81" s="3" t="s">
        <v>38</v>
      </c>
      <c r="S81" s="3" t="s">
        <v>1246</v>
      </c>
      <c r="T81" s="3" t="s">
        <v>37</v>
      </c>
      <c r="U81" s="3" t="s">
        <v>37</v>
      </c>
      <c r="V81" s="3" t="s">
        <v>37</v>
      </c>
    </row>
    <row r="82" spans="1:22" x14ac:dyDescent="0.25">
      <c r="A82" s="3" t="s">
        <v>988</v>
      </c>
      <c r="B82" s="4" t="s">
        <v>247</v>
      </c>
      <c r="C82" s="3" t="s">
        <v>248</v>
      </c>
      <c r="D82" s="5" t="s">
        <v>207</v>
      </c>
      <c r="E82" s="3" t="s">
        <v>1154</v>
      </c>
      <c r="F82" s="3" t="s">
        <v>1247</v>
      </c>
      <c r="G82" s="3" t="s">
        <v>1248</v>
      </c>
      <c r="H82" s="3" t="s">
        <v>278</v>
      </c>
      <c r="I82" s="3" t="s">
        <v>37</v>
      </c>
      <c r="J82" s="3" t="s">
        <v>1249</v>
      </c>
      <c r="K82" s="3" t="s">
        <v>32</v>
      </c>
      <c r="L82" s="3" t="s">
        <v>33</v>
      </c>
      <c r="M82" s="3" t="s">
        <v>66</v>
      </c>
      <c r="N82" s="3" t="s">
        <v>51</v>
      </c>
      <c r="O82" s="3" t="s">
        <v>36</v>
      </c>
      <c r="P82" s="3" t="s">
        <v>37</v>
      </c>
      <c r="Q82" s="3" t="s">
        <v>37</v>
      </c>
      <c r="R82" s="3" t="s">
        <v>38</v>
      </c>
      <c r="S82" s="3" t="s">
        <v>1250</v>
      </c>
      <c r="T82" s="3" t="s">
        <v>37</v>
      </c>
      <c r="U82" s="3" t="s">
        <v>37</v>
      </c>
      <c r="V82" s="3" t="s">
        <v>37</v>
      </c>
    </row>
    <row r="83" spans="1:22" x14ac:dyDescent="0.25">
      <c r="A83" s="3" t="s">
        <v>988</v>
      </c>
      <c r="B83" s="4" t="s">
        <v>247</v>
      </c>
      <c r="C83" s="3" t="s">
        <v>248</v>
      </c>
      <c r="D83" s="5" t="s">
        <v>1158</v>
      </c>
      <c r="E83" s="3" t="s">
        <v>1154</v>
      </c>
      <c r="F83" s="3" t="s">
        <v>1251</v>
      </c>
      <c r="G83" s="3" t="s">
        <v>265</v>
      </c>
      <c r="H83" s="3" t="s">
        <v>29</v>
      </c>
      <c r="I83" s="3" t="s">
        <v>1252</v>
      </c>
      <c r="J83" s="3" t="s">
        <v>1253</v>
      </c>
      <c r="K83" s="3" t="s">
        <v>32</v>
      </c>
      <c r="L83" s="3" t="s">
        <v>33</v>
      </c>
      <c r="M83" s="3" t="s">
        <v>66</v>
      </c>
      <c r="N83" s="3" t="s">
        <v>386</v>
      </c>
      <c r="O83" s="3" t="s">
        <v>36</v>
      </c>
      <c r="P83" s="3" t="s">
        <v>37</v>
      </c>
      <c r="Q83" s="3" t="s">
        <v>37</v>
      </c>
      <c r="R83" s="3" t="s">
        <v>38</v>
      </c>
      <c r="S83" s="3" t="s">
        <v>1254</v>
      </c>
      <c r="T83" s="3" t="s">
        <v>37</v>
      </c>
      <c r="U83" s="3" t="s">
        <v>37</v>
      </c>
      <c r="V83" s="3" t="s">
        <v>37</v>
      </c>
    </row>
    <row r="84" spans="1:22" x14ac:dyDescent="0.25">
      <c r="A84" s="3" t="s">
        <v>988</v>
      </c>
      <c r="B84" s="4" t="s">
        <v>247</v>
      </c>
      <c r="C84" s="3" t="s">
        <v>248</v>
      </c>
      <c r="D84" s="5" t="s">
        <v>539</v>
      </c>
      <c r="E84" s="3" t="s">
        <v>540</v>
      </c>
      <c r="F84" s="3" t="s">
        <v>764</v>
      </c>
      <c r="G84" s="3" t="s">
        <v>475</v>
      </c>
      <c r="H84" s="3" t="s">
        <v>29</v>
      </c>
      <c r="I84" s="3" t="s">
        <v>670</v>
      </c>
      <c r="J84" s="3" t="s">
        <v>1255</v>
      </c>
      <c r="K84" s="3" t="s">
        <v>32</v>
      </c>
      <c r="L84" s="3" t="s">
        <v>37</v>
      </c>
      <c r="M84" s="3" t="s">
        <v>34</v>
      </c>
      <c r="N84" s="3" t="s">
        <v>160</v>
      </c>
      <c r="O84" s="3" t="s">
        <v>80</v>
      </c>
      <c r="P84" s="3" t="s">
        <v>37</v>
      </c>
      <c r="Q84" s="3" t="s">
        <v>37</v>
      </c>
      <c r="R84" s="3" t="s">
        <v>38</v>
      </c>
      <c r="S84" s="3" t="s">
        <v>766</v>
      </c>
      <c r="T84" s="3" t="s">
        <v>37</v>
      </c>
      <c r="U84" s="3" t="s">
        <v>37</v>
      </c>
      <c r="V84" s="3" t="s">
        <v>37</v>
      </c>
    </row>
    <row r="85" spans="1:22" x14ac:dyDescent="0.25">
      <c r="A85" s="3" t="s">
        <v>988</v>
      </c>
      <c r="B85" s="4" t="s">
        <v>247</v>
      </c>
      <c r="C85" s="3" t="s">
        <v>248</v>
      </c>
      <c r="D85" s="5" t="s">
        <v>211</v>
      </c>
      <c r="E85" s="3" t="s">
        <v>540</v>
      </c>
      <c r="F85" s="3" t="s">
        <v>1256</v>
      </c>
      <c r="G85" s="3" t="s">
        <v>480</v>
      </c>
      <c r="H85" s="3" t="s">
        <v>29</v>
      </c>
      <c r="I85" s="3" t="s">
        <v>670</v>
      </c>
      <c r="J85" s="3" t="s">
        <v>1257</v>
      </c>
      <c r="K85" s="3" t="s">
        <v>32</v>
      </c>
      <c r="L85" s="3" t="s">
        <v>37</v>
      </c>
      <c r="M85" s="3" t="s">
        <v>34</v>
      </c>
      <c r="N85" s="3" t="s">
        <v>160</v>
      </c>
      <c r="O85" s="3" t="s">
        <v>80</v>
      </c>
      <c r="P85" s="3" t="s">
        <v>37</v>
      </c>
      <c r="Q85" s="3" t="s">
        <v>37</v>
      </c>
      <c r="R85" s="3" t="s">
        <v>38</v>
      </c>
      <c r="S85" s="3" t="s">
        <v>1258</v>
      </c>
      <c r="T85" s="3" t="s">
        <v>37</v>
      </c>
      <c r="U85" s="3" t="s">
        <v>37</v>
      </c>
      <c r="V85" s="3" t="s">
        <v>37</v>
      </c>
    </row>
    <row r="86" spans="1:22" x14ac:dyDescent="0.25">
      <c r="A86" s="3" t="s">
        <v>988</v>
      </c>
      <c r="B86" s="4" t="s">
        <v>247</v>
      </c>
      <c r="C86" s="3" t="s">
        <v>248</v>
      </c>
      <c r="D86" s="5" t="s">
        <v>216</v>
      </c>
      <c r="E86" s="3" t="s">
        <v>540</v>
      </c>
      <c r="F86" s="3" t="s">
        <v>1259</v>
      </c>
      <c r="G86" s="3" t="s">
        <v>28</v>
      </c>
      <c r="H86" s="3" t="s">
        <v>29</v>
      </c>
      <c r="I86" s="3" t="s">
        <v>670</v>
      </c>
      <c r="J86" s="3" t="s">
        <v>1260</v>
      </c>
      <c r="K86" s="3" t="s">
        <v>32</v>
      </c>
      <c r="L86" s="3" t="s">
        <v>37</v>
      </c>
      <c r="M86" s="3" t="s">
        <v>34</v>
      </c>
      <c r="N86" s="3" t="s">
        <v>160</v>
      </c>
      <c r="O86" s="3" t="s">
        <v>80</v>
      </c>
      <c r="P86" s="3" t="s">
        <v>37</v>
      </c>
      <c r="Q86" s="3" t="s">
        <v>37</v>
      </c>
      <c r="R86" s="3" t="s">
        <v>38</v>
      </c>
      <c r="S86" s="3" t="s">
        <v>1261</v>
      </c>
      <c r="T86" s="3" t="s">
        <v>37</v>
      </c>
      <c r="U86" s="3" t="s">
        <v>37</v>
      </c>
      <c r="V86" s="3" t="s">
        <v>37</v>
      </c>
    </row>
    <row r="87" spans="1:22" x14ac:dyDescent="0.25">
      <c r="A87" s="3" t="s">
        <v>988</v>
      </c>
      <c r="B87" s="4" t="s">
        <v>247</v>
      </c>
      <c r="C87" s="3" t="s">
        <v>248</v>
      </c>
      <c r="D87" s="5" t="s">
        <v>394</v>
      </c>
      <c r="E87" s="3" t="s">
        <v>1001</v>
      </c>
      <c r="F87" s="3" t="s">
        <v>1188</v>
      </c>
      <c r="G87" s="3" t="s">
        <v>94</v>
      </c>
      <c r="H87" s="3" t="s">
        <v>64</v>
      </c>
      <c r="I87" s="3" t="s">
        <v>1003</v>
      </c>
      <c r="J87" s="3" t="s">
        <v>1189</v>
      </c>
      <c r="K87" s="3" t="s">
        <v>32</v>
      </c>
      <c r="L87" s="3" t="s">
        <v>33</v>
      </c>
      <c r="M87" s="3" t="s">
        <v>34</v>
      </c>
      <c r="N87" s="3" t="s">
        <v>67</v>
      </c>
      <c r="O87" s="3" t="s">
        <v>52</v>
      </c>
      <c r="P87" s="3" t="s">
        <v>37</v>
      </c>
      <c r="Q87" s="3" t="s">
        <v>37</v>
      </c>
      <c r="R87" s="3" t="s">
        <v>38</v>
      </c>
      <c r="S87" s="3" t="s">
        <v>1190</v>
      </c>
      <c r="T87" s="3" t="s">
        <v>37</v>
      </c>
      <c r="U87" s="3" t="s">
        <v>37</v>
      </c>
      <c r="V87" s="3" t="s">
        <v>37</v>
      </c>
    </row>
    <row r="88" spans="1:22" x14ac:dyDescent="0.25">
      <c r="A88" s="3" t="s">
        <v>988</v>
      </c>
      <c r="B88" s="4" t="s">
        <v>247</v>
      </c>
      <c r="C88" s="3" t="s">
        <v>248</v>
      </c>
      <c r="D88" s="5" t="s">
        <v>225</v>
      </c>
      <c r="E88" s="3" t="s">
        <v>1001</v>
      </c>
      <c r="F88" s="3" t="s">
        <v>1262</v>
      </c>
      <c r="G88" s="3" t="s">
        <v>99</v>
      </c>
      <c r="H88" s="3" t="s">
        <v>64</v>
      </c>
      <c r="I88" s="3" t="s">
        <v>1003</v>
      </c>
      <c r="J88" s="3" t="s">
        <v>1263</v>
      </c>
      <c r="K88" s="3" t="s">
        <v>32</v>
      </c>
      <c r="L88" s="3" t="s">
        <v>33</v>
      </c>
      <c r="M88" s="3" t="s">
        <v>34</v>
      </c>
      <c r="N88" s="3" t="s">
        <v>67</v>
      </c>
      <c r="O88" s="3" t="s">
        <v>52</v>
      </c>
      <c r="P88" s="3" t="s">
        <v>37</v>
      </c>
      <c r="Q88" s="3" t="s">
        <v>37</v>
      </c>
      <c r="R88" s="3" t="s">
        <v>38</v>
      </c>
      <c r="S88" s="3" t="s">
        <v>1264</v>
      </c>
      <c r="T88" s="3" t="s">
        <v>37</v>
      </c>
      <c r="U88" s="3" t="s">
        <v>37</v>
      </c>
      <c r="V88" s="3" t="s">
        <v>37</v>
      </c>
    </row>
    <row r="89" spans="1:22" x14ac:dyDescent="0.25">
      <c r="A89" s="3" t="s">
        <v>988</v>
      </c>
      <c r="B89" s="4" t="s">
        <v>247</v>
      </c>
      <c r="C89" s="3" t="s">
        <v>248</v>
      </c>
      <c r="D89" s="5" t="s">
        <v>1171</v>
      </c>
      <c r="E89" s="3" t="s">
        <v>1001</v>
      </c>
      <c r="F89" s="3" t="s">
        <v>1265</v>
      </c>
      <c r="G89" s="3" t="s">
        <v>120</v>
      </c>
      <c r="H89" s="3" t="s">
        <v>64</v>
      </c>
      <c r="I89" s="3" t="s">
        <v>1003</v>
      </c>
      <c r="J89" s="3" t="s">
        <v>1266</v>
      </c>
      <c r="K89" s="3" t="s">
        <v>32</v>
      </c>
      <c r="L89" s="3" t="s">
        <v>33</v>
      </c>
      <c r="M89" s="3" t="s">
        <v>34</v>
      </c>
      <c r="N89" s="3" t="s">
        <v>67</v>
      </c>
      <c r="O89" s="3" t="s">
        <v>52</v>
      </c>
      <c r="P89" s="3" t="s">
        <v>37</v>
      </c>
      <c r="Q89" s="3" t="s">
        <v>37</v>
      </c>
      <c r="R89" s="3" t="s">
        <v>38</v>
      </c>
      <c r="S89" s="3" t="s">
        <v>1267</v>
      </c>
      <c r="T89" s="3" t="s">
        <v>37</v>
      </c>
      <c r="U89" s="3" t="s">
        <v>37</v>
      </c>
      <c r="V89" s="3" t="s">
        <v>37</v>
      </c>
    </row>
    <row r="90" spans="1:22" x14ac:dyDescent="0.25">
      <c r="A90" s="3" t="s">
        <v>988</v>
      </c>
      <c r="B90" s="4" t="s">
        <v>247</v>
      </c>
      <c r="C90" s="3" t="s">
        <v>248</v>
      </c>
      <c r="D90" s="5" t="s">
        <v>236</v>
      </c>
      <c r="E90" s="3" t="s">
        <v>1001</v>
      </c>
      <c r="F90" s="3" t="s">
        <v>1268</v>
      </c>
      <c r="G90" s="3" t="s">
        <v>239</v>
      </c>
      <c r="H90" s="3" t="s">
        <v>64</v>
      </c>
      <c r="I90" s="3" t="s">
        <v>1003</v>
      </c>
      <c r="J90" s="3" t="s">
        <v>1269</v>
      </c>
      <c r="K90" s="3" t="s">
        <v>32</v>
      </c>
      <c r="L90" s="3" t="s">
        <v>33</v>
      </c>
      <c r="M90" s="3" t="s">
        <v>34</v>
      </c>
      <c r="N90" s="3" t="s">
        <v>67</v>
      </c>
      <c r="O90" s="3" t="s">
        <v>52</v>
      </c>
      <c r="P90" s="3" t="s">
        <v>37</v>
      </c>
      <c r="Q90" s="3" t="s">
        <v>37</v>
      </c>
      <c r="R90" s="3" t="s">
        <v>38</v>
      </c>
      <c r="S90" s="3" t="s">
        <v>1270</v>
      </c>
      <c r="T90" s="3" t="s">
        <v>37</v>
      </c>
      <c r="U90" s="3" t="s">
        <v>37</v>
      </c>
      <c r="V90" s="3" t="s">
        <v>37</v>
      </c>
    </row>
    <row r="91" spans="1:22" x14ac:dyDescent="0.25">
      <c r="A91" s="3" t="s">
        <v>988</v>
      </c>
      <c r="B91" s="4" t="s">
        <v>247</v>
      </c>
      <c r="C91" s="3" t="s">
        <v>248</v>
      </c>
      <c r="D91" s="5" t="s">
        <v>1175</v>
      </c>
      <c r="E91" s="3" t="s">
        <v>540</v>
      </c>
      <c r="F91" s="3" t="s">
        <v>1271</v>
      </c>
      <c r="G91" s="3" t="s">
        <v>751</v>
      </c>
      <c r="H91" s="3" t="s">
        <v>77</v>
      </c>
      <c r="I91" s="3" t="s">
        <v>670</v>
      </c>
      <c r="J91" s="3" t="s">
        <v>1272</v>
      </c>
      <c r="K91" s="3" t="s">
        <v>32</v>
      </c>
      <c r="L91" s="3" t="s">
        <v>33</v>
      </c>
      <c r="M91" s="3" t="s">
        <v>34</v>
      </c>
      <c r="N91" s="3" t="s">
        <v>79</v>
      </c>
      <c r="O91" s="3" t="s">
        <v>80</v>
      </c>
      <c r="P91" s="3" t="s">
        <v>37</v>
      </c>
      <c r="Q91" s="3" t="s">
        <v>37</v>
      </c>
      <c r="R91" s="3" t="s">
        <v>38</v>
      </c>
      <c r="S91" s="3" t="s">
        <v>1273</v>
      </c>
      <c r="T91" s="3" t="s">
        <v>37</v>
      </c>
      <c r="U91" s="3" t="s">
        <v>37</v>
      </c>
      <c r="V91" s="3" t="s">
        <v>37</v>
      </c>
    </row>
    <row r="92" spans="1:22" x14ac:dyDescent="0.25">
      <c r="A92" s="3"/>
      <c r="B92" s="4"/>
      <c r="C92" s="3"/>
      <c r="D92" s="5"/>
      <c r="E92" s="6" t="s">
        <v>1179</v>
      </c>
      <c r="F92" s="3"/>
      <c r="G92" s="3"/>
      <c r="H92" s="3"/>
      <c r="I92" s="3"/>
      <c r="J92" s="3"/>
      <c r="K92" s="3"/>
      <c r="L92" s="3"/>
      <c r="M92" s="3"/>
      <c r="N92" s="3"/>
      <c r="O92" s="3"/>
      <c r="P92" s="3"/>
      <c r="Q92" s="3"/>
      <c r="R92" s="3"/>
      <c r="S92" s="3"/>
      <c r="T92" s="3"/>
      <c r="U92" s="3"/>
      <c r="V92" s="3"/>
    </row>
    <row r="93" spans="1:22" x14ac:dyDescent="0.25">
      <c r="A93" s="3"/>
      <c r="B93" s="4"/>
      <c r="C93" s="3"/>
      <c r="D93" s="5"/>
      <c r="E93" s="3"/>
      <c r="F93" s="3"/>
      <c r="G93" s="3"/>
      <c r="H93" s="3"/>
      <c r="I93" s="3"/>
      <c r="J93" s="3"/>
      <c r="K93" s="3"/>
      <c r="L93" s="3"/>
      <c r="M93" s="3"/>
      <c r="N93" s="3"/>
      <c r="O93" s="3"/>
      <c r="P93" s="3"/>
      <c r="Q93" s="3"/>
      <c r="R93" s="3"/>
      <c r="S93" s="3"/>
      <c r="T93" s="3"/>
      <c r="U93" s="3"/>
      <c r="V93" s="3"/>
    </row>
    <row r="94" spans="1:22" x14ac:dyDescent="0.25">
      <c r="A94" s="3" t="s">
        <v>988</v>
      </c>
      <c r="B94" s="4" t="s">
        <v>415</v>
      </c>
      <c r="C94" s="3" t="s">
        <v>416</v>
      </c>
      <c r="D94" s="5" t="s">
        <v>25</v>
      </c>
      <c r="E94" s="3" t="s">
        <v>989</v>
      </c>
      <c r="F94" s="3" t="s">
        <v>1274</v>
      </c>
      <c r="G94" s="3" t="s">
        <v>505</v>
      </c>
      <c r="H94" s="3" t="s">
        <v>64</v>
      </c>
      <c r="I94" s="3" t="s">
        <v>1275</v>
      </c>
      <c r="J94" s="3" t="s">
        <v>1276</v>
      </c>
      <c r="K94" s="3" t="s">
        <v>32</v>
      </c>
      <c r="L94" s="3" t="s">
        <v>33</v>
      </c>
      <c r="M94" s="3" t="s">
        <v>66</v>
      </c>
      <c r="N94" s="3" t="s">
        <v>993</v>
      </c>
      <c r="O94" s="3" t="s">
        <v>80</v>
      </c>
      <c r="P94" s="3" t="s">
        <v>37</v>
      </c>
      <c r="Q94" s="3" t="s">
        <v>37</v>
      </c>
      <c r="R94" s="3" t="s">
        <v>38</v>
      </c>
      <c r="S94" s="3" t="s">
        <v>1277</v>
      </c>
      <c r="T94" s="3" t="s">
        <v>37</v>
      </c>
      <c r="U94" s="3" t="s">
        <v>37</v>
      </c>
      <c r="V94" s="3" t="s">
        <v>37</v>
      </c>
    </row>
    <row r="95" spans="1:22" x14ac:dyDescent="0.25">
      <c r="A95" s="3" t="s">
        <v>988</v>
      </c>
      <c r="B95" s="4" t="s">
        <v>415</v>
      </c>
      <c r="C95" s="3" t="s">
        <v>416</v>
      </c>
      <c r="D95" s="5" t="s">
        <v>995</v>
      </c>
      <c r="E95" s="3" t="s">
        <v>989</v>
      </c>
      <c r="F95" s="3" t="s">
        <v>1278</v>
      </c>
      <c r="G95" s="3" t="s">
        <v>1279</v>
      </c>
      <c r="H95" s="3" t="s">
        <v>29</v>
      </c>
      <c r="I95" s="3" t="s">
        <v>1280</v>
      </c>
      <c r="J95" s="3" t="s">
        <v>1281</v>
      </c>
      <c r="K95" s="3" t="s">
        <v>32</v>
      </c>
      <c r="L95" s="3" t="s">
        <v>33</v>
      </c>
      <c r="M95" s="3" t="s">
        <v>66</v>
      </c>
      <c r="N95" s="3" t="s">
        <v>993</v>
      </c>
      <c r="O95" s="3" t="s">
        <v>80</v>
      </c>
      <c r="P95" s="3" t="s">
        <v>37</v>
      </c>
      <c r="Q95" s="3" t="s">
        <v>37</v>
      </c>
      <c r="R95" s="3" t="s">
        <v>38</v>
      </c>
      <c r="S95" s="3" t="s">
        <v>1282</v>
      </c>
      <c r="T95" s="3" t="s">
        <v>37</v>
      </c>
      <c r="U95" s="3" t="s">
        <v>37</v>
      </c>
      <c r="V95" s="3" t="s">
        <v>37</v>
      </c>
    </row>
    <row r="96" spans="1:22" x14ac:dyDescent="0.25">
      <c r="A96" s="3" t="s">
        <v>988</v>
      </c>
      <c r="B96" s="4" t="s">
        <v>415</v>
      </c>
      <c r="C96" s="3" t="s">
        <v>416</v>
      </c>
      <c r="D96" s="5" t="s">
        <v>45</v>
      </c>
      <c r="E96" s="3" t="s">
        <v>1012</v>
      </c>
      <c r="F96" s="3" t="s">
        <v>1283</v>
      </c>
      <c r="G96" s="3" t="s">
        <v>64</v>
      </c>
      <c r="H96" s="3" t="s">
        <v>64</v>
      </c>
      <c r="I96" s="3" t="s">
        <v>1020</v>
      </c>
      <c r="J96" s="3" t="s">
        <v>1284</v>
      </c>
      <c r="K96" s="3" t="s">
        <v>32</v>
      </c>
      <c r="L96" s="3" t="s">
        <v>33</v>
      </c>
      <c r="M96" s="3" t="s">
        <v>1016</v>
      </c>
      <c r="N96" s="3" t="s">
        <v>79</v>
      </c>
      <c r="O96" s="3" t="s">
        <v>161</v>
      </c>
      <c r="P96" s="3" t="s">
        <v>37</v>
      </c>
      <c r="Q96" s="3" t="s">
        <v>37</v>
      </c>
      <c r="R96" s="3" t="s">
        <v>38</v>
      </c>
      <c r="S96" s="3" t="s">
        <v>1285</v>
      </c>
      <c r="T96" s="3" t="s">
        <v>37</v>
      </c>
      <c r="U96" s="3" t="s">
        <v>37</v>
      </c>
      <c r="V96" s="3" t="s">
        <v>37</v>
      </c>
    </row>
    <row r="97" spans="1:22" x14ac:dyDescent="0.25">
      <c r="A97" s="3" t="s">
        <v>988</v>
      </c>
      <c r="B97" s="4" t="s">
        <v>415</v>
      </c>
      <c r="C97" s="3" t="s">
        <v>416</v>
      </c>
      <c r="D97" s="5" t="s">
        <v>1286</v>
      </c>
      <c r="E97" s="3" t="s">
        <v>1012</v>
      </c>
      <c r="F97" s="3" t="s">
        <v>1287</v>
      </c>
      <c r="G97" s="3" t="s">
        <v>29</v>
      </c>
      <c r="H97" s="3" t="s">
        <v>64</v>
      </c>
      <c r="I97" s="3" t="s">
        <v>1014</v>
      </c>
      <c r="J97" s="3" t="s">
        <v>1288</v>
      </c>
      <c r="K97" s="3" t="s">
        <v>32</v>
      </c>
      <c r="L97" s="3" t="s">
        <v>33</v>
      </c>
      <c r="M97" s="3" t="s">
        <v>1016</v>
      </c>
      <c r="N97" s="3" t="s">
        <v>79</v>
      </c>
      <c r="O97" s="3" t="s">
        <v>161</v>
      </c>
      <c r="P97" s="3" t="s">
        <v>37</v>
      </c>
      <c r="Q97" s="3" t="s">
        <v>37</v>
      </c>
      <c r="R97" s="3" t="s">
        <v>38</v>
      </c>
      <c r="S97" s="3" t="s">
        <v>1289</v>
      </c>
      <c r="T97" s="3" t="s">
        <v>37</v>
      </c>
      <c r="U97" s="3" t="s">
        <v>37</v>
      </c>
      <c r="V97" s="3" t="s">
        <v>37</v>
      </c>
    </row>
    <row r="98" spans="1:22" x14ac:dyDescent="0.25">
      <c r="A98" s="3" t="s">
        <v>988</v>
      </c>
      <c r="B98" s="4" t="s">
        <v>415</v>
      </c>
      <c r="C98" s="3" t="s">
        <v>416</v>
      </c>
      <c r="D98" s="5" t="s">
        <v>696</v>
      </c>
      <c r="E98" s="3" t="s">
        <v>1012</v>
      </c>
      <c r="F98" s="3" t="s">
        <v>1290</v>
      </c>
      <c r="G98" s="3" t="s">
        <v>77</v>
      </c>
      <c r="H98" s="3" t="s">
        <v>64</v>
      </c>
      <c r="I98" s="3" t="s">
        <v>1020</v>
      </c>
      <c r="J98" s="3" t="s">
        <v>1291</v>
      </c>
      <c r="K98" s="3" t="s">
        <v>32</v>
      </c>
      <c r="L98" s="3" t="s">
        <v>33</v>
      </c>
      <c r="M98" s="3" t="s">
        <v>1016</v>
      </c>
      <c r="N98" s="3" t="s">
        <v>79</v>
      </c>
      <c r="O98" s="3" t="s">
        <v>161</v>
      </c>
      <c r="P98" s="3" t="s">
        <v>37</v>
      </c>
      <c r="Q98" s="3" t="s">
        <v>37</v>
      </c>
      <c r="R98" s="3" t="s">
        <v>38</v>
      </c>
      <c r="S98" s="3" t="s">
        <v>1292</v>
      </c>
      <c r="T98" s="3" t="s">
        <v>37</v>
      </c>
      <c r="U98" s="3" t="s">
        <v>37</v>
      </c>
      <c r="V98" s="3" t="s">
        <v>37</v>
      </c>
    </row>
    <row r="99" spans="1:22" x14ac:dyDescent="0.25">
      <c r="A99" s="3" t="s">
        <v>988</v>
      </c>
      <c r="B99" s="4" t="s">
        <v>415</v>
      </c>
      <c r="C99" s="3" t="s">
        <v>416</v>
      </c>
      <c r="D99" s="5" t="s">
        <v>1006</v>
      </c>
      <c r="E99" s="3" t="s">
        <v>1012</v>
      </c>
      <c r="F99" s="3" t="s">
        <v>1293</v>
      </c>
      <c r="G99" s="3" t="s">
        <v>278</v>
      </c>
      <c r="H99" s="3" t="s">
        <v>64</v>
      </c>
      <c r="I99" s="3" t="s">
        <v>1020</v>
      </c>
      <c r="J99" s="3" t="s">
        <v>1294</v>
      </c>
      <c r="K99" s="3" t="s">
        <v>32</v>
      </c>
      <c r="L99" s="3" t="s">
        <v>33</v>
      </c>
      <c r="M99" s="3" t="s">
        <v>1016</v>
      </c>
      <c r="N99" s="3" t="s">
        <v>79</v>
      </c>
      <c r="O99" s="3" t="s">
        <v>161</v>
      </c>
      <c r="P99" s="3" t="s">
        <v>37</v>
      </c>
      <c r="Q99" s="3" t="s">
        <v>37</v>
      </c>
      <c r="R99" s="3" t="s">
        <v>38</v>
      </c>
      <c r="S99" s="3" t="s">
        <v>1295</v>
      </c>
      <c r="T99" s="3" t="s">
        <v>37</v>
      </c>
      <c r="U99" s="3" t="s">
        <v>37</v>
      </c>
      <c r="V99" s="3" t="s">
        <v>37</v>
      </c>
    </row>
    <row r="100" spans="1:22" x14ac:dyDescent="0.25">
      <c r="A100" s="3" t="s">
        <v>988</v>
      </c>
      <c r="B100" s="4" t="s">
        <v>415</v>
      </c>
      <c r="C100" s="3" t="s">
        <v>416</v>
      </c>
      <c r="D100" s="5" t="s">
        <v>1296</v>
      </c>
      <c r="E100" s="3" t="s">
        <v>1012</v>
      </c>
      <c r="F100" s="3" t="s">
        <v>1297</v>
      </c>
      <c r="G100" s="3" t="s">
        <v>222</v>
      </c>
      <c r="H100" s="3" t="s">
        <v>64</v>
      </c>
      <c r="I100" s="3" t="s">
        <v>1020</v>
      </c>
      <c r="J100" s="8" t="s">
        <v>1298</v>
      </c>
      <c r="K100" s="3" t="s">
        <v>32</v>
      </c>
      <c r="L100" s="3" t="s">
        <v>33</v>
      </c>
      <c r="M100" s="3" t="s">
        <v>1016</v>
      </c>
      <c r="N100" s="3" t="s">
        <v>79</v>
      </c>
      <c r="O100" s="3" t="s">
        <v>161</v>
      </c>
      <c r="P100" s="3" t="s">
        <v>37</v>
      </c>
      <c r="Q100" s="3" t="s">
        <v>37</v>
      </c>
      <c r="R100" s="3" t="s">
        <v>38</v>
      </c>
      <c r="S100" s="3" t="s">
        <v>1299</v>
      </c>
      <c r="T100" s="3" t="s">
        <v>37</v>
      </c>
      <c r="U100" s="3" t="s">
        <v>37</v>
      </c>
      <c r="V100" s="3" t="s">
        <v>37</v>
      </c>
    </row>
    <row r="101" spans="1:22" x14ac:dyDescent="0.25">
      <c r="A101" s="3" t="s">
        <v>988</v>
      </c>
      <c r="B101" s="4" t="s">
        <v>415</v>
      </c>
      <c r="C101" s="3" t="s">
        <v>416</v>
      </c>
      <c r="D101" s="5" t="s">
        <v>1300</v>
      </c>
      <c r="E101" s="3" t="s">
        <v>1012</v>
      </c>
      <c r="F101" s="3" t="s">
        <v>1301</v>
      </c>
      <c r="G101" s="3" t="s">
        <v>380</v>
      </c>
      <c r="H101" s="3" t="s">
        <v>64</v>
      </c>
      <c r="I101" s="3" t="s">
        <v>1020</v>
      </c>
      <c r="J101" s="3" t="s">
        <v>1302</v>
      </c>
      <c r="K101" s="3" t="s">
        <v>32</v>
      </c>
      <c r="L101" s="3" t="s">
        <v>33</v>
      </c>
      <c r="M101" s="3" t="s">
        <v>1016</v>
      </c>
      <c r="N101" s="3" t="s">
        <v>79</v>
      </c>
      <c r="O101" s="3" t="s">
        <v>161</v>
      </c>
      <c r="P101" s="3" t="s">
        <v>37</v>
      </c>
      <c r="Q101" s="3" t="s">
        <v>37</v>
      </c>
      <c r="R101" s="3" t="s">
        <v>38</v>
      </c>
      <c r="S101" s="3" t="s">
        <v>1303</v>
      </c>
      <c r="T101" s="3" t="s">
        <v>37</v>
      </c>
      <c r="U101" s="3" t="s">
        <v>37</v>
      </c>
      <c r="V101" s="3" t="s">
        <v>37</v>
      </c>
    </row>
    <row r="102" spans="1:22" x14ac:dyDescent="0.25">
      <c r="A102" s="3" t="s">
        <v>988</v>
      </c>
      <c r="B102" s="4" t="s">
        <v>415</v>
      </c>
      <c r="C102" s="3" t="s">
        <v>416</v>
      </c>
      <c r="D102" s="5" t="s">
        <v>1011</v>
      </c>
      <c r="E102" s="3" t="s">
        <v>540</v>
      </c>
      <c r="F102" s="3" t="s">
        <v>1304</v>
      </c>
      <c r="G102" s="3" t="s">
        <v>465</v>
      </c>
      <c r="H102" s="3" t="s">
        <v>64</v>
      </c>
      <c r="I102" s="3" t="s">
        <v>1305</v>
      </c>
      <c r="J102" s="3" t="s">
        <v>1306</v>
      </c>
      <c r="K102" s="3" t="s">
        <v>32</v>
      </c>
      <c r="L102" s="3" t="s">
        <v>544</v>
      </c>
      <c r="M102" s="3" t="s">
        <v>34</v>
      </c>
      <c r="N102" s="3" t="s">
        <v>35</v>
      </c>
      <c r="O102" s="3" t="s">
        <v>80</v>
      </c>
      <c r="P102" s="3" t="s">
        <v>37</v>
      </c>
      <c r="Q102" s="3" t="s">
        <v>37</v>
      </c>
      <c r="R102" s="3" t="s">
        <v>38</v>
      </c>
      <c r="S102" s="3" t="s">
        <v>1307</v>
      </c>
      <c r="T102" s="3" t="s">
        <v>37</v>
      </c>
      <c r="U102" s="3" t="s">
        <v>37</v>
      </c>
      <c r="V102" s="3" t="s">
        <v>37</v>
      </c>
    </row>
    <row r="103" spans="1:22" x14ac:dyDescent="0.25">
      <c r="A103" s="3" t="s">
        <v>988</v>
      </c>
      <c r="B103" s="4" t="s">
        <v>415</v>
      </c>
      <c r="C103" s="3" t="s">
        <v>416</v>
      </c>
      <c r="D103" s="5" t="s">
        <v>1026</v>
      </c>
      <c r="E103" s="3" t="s">
        <v>540</v>
      </c>
      <c r="F103" s="3" t="s">
        <v>1308</v>
      </c>
      <c r="G103" s="3" t="s">
        <v>344</v>
      </c>
      <c r="H103" s="3" t="s">
        <v>77</v>
      </c>
      <c r="I103" s="3" t="s">
        <v>670</v>
      </c>
      <c r="J103" s="3" t="s">
        <v>1309</v>
      </c>
      <c r="K103" s="3" t="s">
        <v>32</v>
      </c>
      <c r="L103" s="3" t="s">
        <v>33</v>
      </c>
      <c r="M103" s="3" t="s">
        <v>34</v>
      </c>
      <c r="N103" s="3" t="s">
        <v>79</v>
      </c>
      <c r="O103" s="3" t="s">
        <v>80</v>
      </c>
      <c r="P103" s="3" t="s">
        <v>37</v>
      </c>
      <c r="Q103" s="3" t="s">
        <v>37</v>
      </c>
      <c r="R103" s="3" t="s">
        <v>38</v>
      </c>
      <c r="S103" s="3" t="s">
        <v>1310</v>
      </c>
      <c r="T103" s="3" t="s">
        <v>37</v>
      </c>
      <c r="U103" s="3" t="s">
        <v>37</v>
      </c>
      <c r="V103" s="3" t="s">
        <v>37</v>
      </c>
    </row>
    <row r="104" spans="1:22" x14ac:dyDescent="0.25">
      <c r="A104" s="3" t="s">
        <v>988</v>
      </c>
      <c r="B104" s="4" t="s">
        <v>415</v>
      </c>
      <c r="C104" s="3" t="s">
        <v>416</v>
      </c>
      <c r="D104" s="5" t="s">
        <v>1037</v>
      </c>
      <c r="E104" s="3" t="s">
        <v>1311</v>
      </c>
      <c r="F104" s="3" t="s">
        <v>37</v>
      </c>
      <c r="G104" s="3">
        <v>1</v>
      </c>
      <c r="H104" s="3">
        <v>0</v>
      </c>
      <c r="I104" s="3" t="s">
        <v>1312</v>
      </c>
      <c r="J104" s="3" t="s">
        <v>1313</v>
      </c>
      <c r="K104" s="3" t="s">
        <v>1060</v>
      </c>
      <c r="L104" s="3" t="s">
        <v>33</v>
      </c>
      <c r="M104" s="3" t="s">
        <v>66</v>
      </c>
      <c r="N104" s="3" t="s">
        <v>71</v>
      </c>
      <c r="O104" s="3" t="s">
        <v>895</v>
      </c>
      <c r="P104" s="3" t="s">
        <v>37</v>
      </c>
      <c r="Q104" s="3" t="s">
        <v>37</v>
      </c>
      <c r="R104" s="3" t="s">
        <v>38</v>
      </c>
      <c r="S104" s="3" t="s">
        <v>1314</v>
      </c>
      <c r="T104" s="3" t="s">
        <v>37</v>
      </c>
      <c r="U104" s="3" t="s">
        <v>37</v>
      </c>
      <c r="V104" s="3" t="s">
        <v>37</v>
      </c>
    </row>
    <row r="105" spans="1:22" x14ac:dyDescent="0.25">
      <c r="A105" s="3" t="s">
        <v>988</v>
      </c>
      <c r="B105" s="4" t="s">
        <v>415</v>
      </c>
      <c r="C105" s="3" t="s">
        <v>416</v>
      </c>
      <c r="D105" s="5" t="s">
        <v>1048</v>
      </c>
      <c r="E105" s="3" t="s">
        <v>1007</v>
      </c>
      <c r="F105" s="3" t="s">
        <v>1132</v>
      </c>
      <c r="G105" s="3" t="s">
        <v>64</v>
      </c>
      <c r="H105" s="3" t="s">
        <v>64</v>
      </c>
      <c r="I105" s="3" t="s">
        <v>37</v>
      </c>
      <c r="J105" s="3" t="s">
        <v>1133</v>
      </c>
      <c r="K105" s="3" t="s">
        <v>32</v>
      </c>
      <c r="L105" s="3" t="s">
        <v>33</v>
      </c>
      <c r="M105" s="3" t="s">
        <v>66</v>
      </c>
      <c r="N105" s="3" t="s">
        <v>67</v>
      </c>
      <c r="O105" s="3" t="s">
        <v>52</v>
      </c>
      <c r="P105" s="3" t="s">
        <v>37</v>
      </c>
      <c r="Q105" s="3" t="s">
        <v>37</v>
      </c>
      <c r="R105" s="3" t="s">
        <v>38</v>
      </c>
      <c r="S105" s="3" t="s">
        <v>1134</v>
      </c>
      <c r="T105" s="3" t="s">
        <v>37</v>
      </c>
      <c r="U105" s="3" t="s">
        <v>37</v>
      </c>
      <c r="V105" s="3" t="s">
        <v>37</v>
      </c>
    </row>
    <row r="106" spans="1:22" x14ac:dyDescent="0.25">
      <c r="A106" s="3" t="s">
        <v>988</v>
      </c>
      <c r="B106" s="4" t="s">
        <v>415</v>
      </c>
      <c r="C106" s="3" t="s">
        <v>416</v>
      </c>
      <c r="D106" s="5" t="s">
        <v>1053</v>
      </c>
      <c r="E106" s="3" t="s">
        <v>1007</v>
      </c>
      <c r="F106" s="3" t="s">
        <v>1054</v>
      </c>
      <c r="G106" s="3" t="s">
        <v>70</v>
      </c>
      <c r="H106" s="3" t="s">
        <v>64</v>
      </c>
      <c r="I106" s="3" t="s">
        <v>37</v>
      </c>
      <c r="J106" s="3" t="s">
        <v>1055</v>
      </c>
      <c r="K106" s="3" t="s">
        <v>32</v>
      </c>
      <c r="L106" s="3" t="s">
        <v>33</v>
      </c>
      <c r="M106" s="3" t="s">
        <v>66</v>
      </c>
      <c r="N106" s="3" t="s">
        <v>67</v>
      </c>
      <c r="O106" s="3" t="s">
        <v>52</v>
      </c>
      <c r="P106" s="3" t="s">
        <v>37</v>
      </c>
      <c r="Q106" s="3" t="s">
        <v>37</v>
      </c>
      <c r="R106" s="3" t="s">
        <v>38</v>
      </c>
      <c r="S106" s="3" t="s">
        <v>1056</v>
      </c>
      <c r="T106" s="3" t="s">
        <v>37</v>
      </c>
      <c r="U106" s="3" t="s">
        <v>37</v>
      </c>
      <c r="V106" s="3" t="s">
        <v>37</v>
      </c>
    </row>
    <row r="107" spans="1:22" x14ac:dyDescent="0.25">
      <c r="A107" s="3" t="s">
        <v>988</v>
      </c>
      <c r="B107" s="4" t="s">
        <v>415</v>
      </c>
      <c r="C107" s="3" t="s">
        <v>416</v>
      </c>
      <c r="D107" s="5" t="s">
        <v>107</v>
      </c>
      <c r="E107" s="3" t="s">
        <v>1007</v>
      </c>
      <c r="F107" s="3" t="s">
        <v>1315</v>
      </c>
      <c r="G107" s="3" t="s">
        <v>77</v>
      </c>
      <c r="H107" s="3" t="s">
        <v>64</v>
      </c>
      <c r="I107" s="3" t="s">
        <v>37</v>
      </c>
      <c r="J107" s="3" t="s">
        <v>1316</v>
      </c>
      <c r="K107" s="3" t="s">
        <v>32</v>
      </c>
      <c r="L107" s="3" t="s">
        <v>33</v>
      </c>
      <c r="M107" s="3" t="s">
        <v>66</v>
      </c>
      <c r="N107" s="3" t="s">
        <v>67</v>
      </c>
      <c r="O107" s="3" t="s">
        <v>52</v>
      </c>
      <c r="P107" s="3" t="s">
        <v>37</v>
      </c>
      <c r="Q107" s="3" t="s">
        <v>37</v>
      </c>
      <c r="R107" s="3" t="s">
        <v>38</v>
      </c>
      <c r="S107" s="3" t="s">
        <v>1317</v>
      </c>
      <c r="T107" s="3" t="s">
        <v>37</v>
      </c>
      <c r="U107" s="3" t="s">
        <v>37</v>
      </c>
      <c r="V107" s="3" t="s">
        <v>37</v>
      </c>
    </row>
    <row r="108" spans="1:22" x14ac:dyDescent="0.25">
      <c r="A108" s="3" t="s">
        <v>988</v>
      </c>
      <c r="B108" s="4" t="s">
        <v>415</v>
      </c>
      <c r="C108" s="3" t="s">
        <v>416</v>
      </c>
      <c r="D108" s="5" t="s">
        <v>1318</v>
      </c>
      <c r="E108" s="3" t="s">
        <v>1007</v>
      </c>
      <c r="F108" s="3" t="s">
        <v>1319</v>
      </c>
      <c r="G108" s="3" t="s">
        <v>278</v>
      </c>
      <c r="H108" s="3" t="s">
        <v>64</v>
      </c>
      <c r="I108" s="3" t="s">
        <v>37</v>
      </c>
      <c r="J108" s="3" t="s">
        <v>1320</v>
      </c>
      <c r="K108" s="3" t="s">
        <v>32</v>
      </c>
      <c r="L108" s="3" t="s">
        <v>33</v>
      </c>
      <c r="M108" s="3" t="s">
        <v>66</v>
      </c>
      <c r="N108" s="3" t="s">
        <v>67</v>
      </c>
      <c r="O108" s="3" t="s">
        <v>52</v>
      </c>
      <c r="P108" s="3" t="s">
        <v>37</v>
      </c>
      <c r="Q108" s="3" t="s">
        <v>37</v>
      </c>
      <c r="R108" s="3" t="s">
        <v>38</v>
      </c>
      <c r="S108" s="3" t="s">
        <v>1321</v>
      </c>
      <c r="T108" s="3" t="s">
        <v>37</v>
      </c>
      <c r="U108" s="3" t="s">
        <v>37</v>
      </c>
      <c r="V108" s="3" t="s">
        <v>37</v>
      </c>
    </row>
    <row r="109" spans="1:22" x14ac:dyDescent="0.25">
      <c r="A109" s="3" t="s">
        <v>988</v>
      </c>
      <c r="B109" s="4" t="s">
        <v>415</v>
      </c>
      <c r="C109" s="3" t="s">
        <v>416</v>
      </c>
      <c r="D109" s="5" t="s">
        <v>1062</v>
      </c>
      <c r="E109" s="3" t="s">
        <v>540</v>
      </c>
      <c r="F109" s="3" t="s">
        <v>1140</v>
      </c>
      <c r="G109" s="3" t="s">
        <v>782</v>
      </c>
      <c r="H109" s="3" t="s">
        <v>77</v>
      </c>
      <c r="I109" s="3" t="s">
        <v>670</v>
      </c>
      <c r="J109" s="3" t="s">
        <v>1141</v>
      </c>
      <c r="K109" s="3" t="s">
        <v>32</v>
      </c>
      <c r="L109" s="3" t="s">
        <v>33</v>
      </c>
      <c r="M109" s="3" t="s">
        <v>34</v>
      </c>
      <c r="N109" s="3" t="s">
        <v>79</v>
      </c>
      <c r="O109" s="3" t="s">
        <v>80</v>
      </c>
      <c r="P109" s="3" t="s">
        <v>37</v>
      </c>
      <c r="Q109" s="3" t="s">
        <v>37</v>
      </c>
      <c r="R109" s="3" t="s">
        <v>38</v>
      </c>
      <c r="S109" s="3" t="s">
        <v>1142</v>
      </c>
      <c r="T109" s="3" t="s">
        <v>37</v>
      </c>
      <c r="U109" s="3" t="s">
        <v>37</v>
      </c>
      <c r="V109" s="3" t="s">
        <v>37</v>
      </c>
    </row>
    <row r="110" spans="1:22" x14ac:dyDescent="0.25">
      <c r="A110" s="3" t="s">
        <v>988</v>
      </c>
      <c r="B110" s="4" t="s">
        <v>415</v>
      </c>
      <c r="C110" s="3" t="s">
        <v>416</v>
      </c>
      <c r="D110" s="5" t="s">
        <v>483</v>
      </c>
      <c r="E110" s="3" t="s">
        <v>540</v>
      </c>
      <c r="F110" s="3" t="s">
        <v>1322</v>
      </c>
      <c r="G110" s="3" t="s">
        <v>288</v>
      </c>
      <c r="H110" s="3" t="s">
        <v>64</v>
      </c>
      <c r="I110" s="3" t="s">
        <v>1323</v>
      </c>
      <c r="J110" s="3" t="s">
        <v>1324</v>
      </c>
      <c r="K110" s="3" t="s">
        <v>32</v>
      </c>
      <c r="L110" s="3" t="s">
        <v>544</v>
      </c>
      <c r="M110" s="3" t="s">
        <v>34</v>
      </c>
      <c r="N110" s="3" t="s">
        <v>35</v>
      </c>
      <c r="O110" s="3" t="s">
        <v>80</v>
      </c>
      <c r="P110" s="3" t="s">
        <v>37</v>
      </c>
      <c r="Q110" s="3" t="s">
        <v>37</v>
      </c>
      <c r="R110" s="3" t="s">
        <v>38</v>
      </c>
      <c r="S110" s="3" t="s">
        <v>1325</v>
      </c>
      <c r="T110" s="3" t="s">
        <v>37</v>
      </c>
      <c r="U110" s="3" t="s">
        <v>37</v>
      </c>
      <c r="V110" s="3" t="s">
        <v>37</v>
      </c>
    </row>
    <row r="111" spans="1:22" x14ac:dyDescent="0.25">
      <c r="A111" s="3" t="s">
        <v>988</v>
      </c>
      <c r="B111" s="4" t="s">
        <v>415</v>
      </c>
      <c r="C111" s="3" t="s">
        <v>416</v>
      </c>
      <c r="D111" s="5" t="s">
        <v>130</v>
      </c>
      <c r="E111" s="3" t="s">
        <v>540</v>
      </c>
      <c r="F111" s="3" t="s">
        <v>1326</v>
      </c>
      <c r="G111" s="3" t="s">
        <v>293</v>
      </c>
      <c r="H111" s="3" t="s">
        <v>64</v>
      </c>
      <c r="I111" s="3" t="s">
        <v>542</v>
      </c>
      <c r="J111" s="3" t="s">
        <v>1327</v>
      </c>
      <c r="K111" s="3" t="s">
        <v>32</v>
      </c>
      <c r="L111" s="3" t="s">
        <v>544</v>
      </c>
      <c r="M111" s="3" t="s">
        <v>34</v>
      </c>
      <c r="N111" s="3" t="s">
        <v>35</v>
      </c>
      <c r="O111" s="3" t="s">
        <v>80</v>
      </c>
      <c r="P111" s="3" t="s">
        <v>37</v>
      </c>
      <c r="Q111" s="3" t="s">
        <v>37</v>
      </c>
      <c r="R111" s="3" t="s">
        <v>38</v>
      </c>
      <c r="S111" s="3" t="s">
        <v>1328</v>
      </c>
      <c r="T111" s="3" t="s">
        <v>37</v>
      </c>
      <c r="U111" s="3" t="s">
        <v>37</v>
      </c>
      <c r="V111" s="3" t="s">
        <v>37</v>
      </c>
    </row>
    <row r="112" spans="1:22" x14ac:dyDescent="0.25">
      <c r="A112" s="3" t="s">
        <v>988</v>
      </c>
      <c r="B112" s="4" t="s">
        <v>415</v>
      </c>
      <c r="C112" s="3" t="s">
        <v>416</v>
      </c>
      <c r="D112" s="5" t="s">
        <v>495</v>
      </c>
      <c r="E112" s="3" t="s">
        <v>540</v>
      </c>
      <c r="F112" s="3" t="s">
        <v>541</v>
      </c>
      <c r="G112" s="3" t="s">
        <v>228</v>
      </c>
      <c r="H112" s="3" t="s">
        <v>64</v>
      </c>
      <c r="I112" s="3" t="s">
        <v>542</v>
      </c>
      <c r="J112" s="3" t="s">
        <v>1329</v>
      </c>
      <c r="K112" s="3" t="s">
        <v>32</v>
      </c>
      <c r="L112" s="3" t="s">
        <v>544</v>
      </c>
      <c r="M112" s="3" t="s">
        <v>34</v>
      </c>
      <c r="N112" s="3" t="s">
        <v>35</v>
      </c>
      <c r="O112" s="3" t="s">
        <v>80</v>
      </c>
      <c r="P112" s="3" t="s">
        <v>37</v>
      </c>
      <c r="Q112" s="3" t="s">
        <v>37</v>
      </c>
      <c r="R112" s="3" t="s">
        <v>38</v>
      </c>
      <c r="S112" s="3" t="s">
        <v>545</v>
      </c>
      <c r="T112" s="3" t="s">
        <v>37</v>
      </c>
      <c r="U112" s="3" t="s">
        <v>37</v>
      </c>
      <c r="V112" s="3" t="s">
        <v>37</v>
      </c>
    </row>
    <row r="113" spans="1:22" x14ac:dyDescent="0.25">
      <c r="A113" s="3" t="s">
        <v>988</v>
      </c>
      <c r="B113" s="4" t="s">
        <v>415</v>
      </c>
      <c r="C113" s="3" t="s">
        <v>416</v>
      </c>
      <c r="D113" s="5" t="s">
        <v>140</v>
      </c>
      <c r="E113" s="3" t="s">
        <v>1012</v>
      </c>
      <c r="F113" s="3" t="s">
        <v>1330</v>
      </c>
      <c r="G113" s="3" t="s">
        <v>213</v>
      </c>
      <c r="H113" s="3" t="s">
        <v>64</v>
      </c>
      <c r="I113" s="3" t="s">
        <v>1014</v>
      </c>
      <c r="J113" s="3" t="s">
        <v>1331</v>
      </c>
      <c r="K113" s="3" t="s">
        <v>32</v>
      </c>
      <c r="L113" s="3" t="s">
        <v>33</v>
      </c>
      <c r="M113" s="3" t="s">
        <v>1016</v>
      </c>
      <c r="N113" s="3" t="s">
        <v>79</v>
      </c>
      <c r="O113" s="3" t="s">
        <v>161</v>
      </c>
      <c r="P113" s="3" t="s">
        <v>37</v>
      </c>
      <c r="Q113" s="3" t="s">
        <v>37</v>
      </c>
      <c r="R113" s="3" t="s">
        <v>38</v>
      </c>
      <c r="S113" s="3" t="s">
        <v>1332</v>
      </c>
      <c r="T113" s="3" t="s">
        <v>37</v>
      </c>
      <c r="U113" s="3" t="s">
        <v>37</v>
      </c>
      <c r="V113" s="3" t="s">
        <v>37</v>
      </c>
    </row>
    <row r="114" spans="1:22" x14ac:dyDescent="0.25">
      <c r="A114" s="3" t="s">
        <v>988</v>
      </c>
      <c r="B114" s="4" t="s">
        <v>415</v>
      </c>
      <c r="C114" s="3" t="s">
        <v>416</v>
      </c>
      <c r="D114" s="5" t="s">
        <v>738</v>
      </c>
      <c r="E114" s="3" t="s">
        <v>1012</v>
      </c>
      <c r="F114" s="3" t="s">
        <v>1013</v>
      </c>
      <c r="G114" s="3" t="s">
        <v>89</v>
      </c>
      <c r="H114" s="3" t="s">
        <v>64</v>
      </c>
      <c r="I114" s="3" t="s">
        <v>1014</v>
      </c>
      <c r="J114" s="3" t="s">
        <v>1015</v>
      </c>
      <c r="K114" s="3" t="s">
        <v>32</v>
      </c>
      <c r="L114" s="3" t="s">
        <v>33</v>
      </c>
      <c r="M114" s="3" t="s">
        <v>1016</v>
      </c>
      <c r="N114" s="3" t="s">
        <v>79</v>
      </c>
      <c r="O114" s="3" t="s">
        <v>161</v>
      </c>
      <c r="P114" s="3" t="s">
        <v>37</v>
      </c>
      <c r="Q114" s="3" t="s">
        <v>37</v>
      </c>
      <c r="R114" s="3" t="s">
        <v>38</v>
      </c>
      <c r="S114" s="3" t="s">
        <v>1017</v>
      </c>
      <c r="T114" s="3" t="s">
        <v>37</v>
      </c>
      <c r="U114" s="3" t="s">
        <v>37</v>
      </c>
      <c r="V114" s="3" t="s">
        <v>37</v>
      </c>
    </row>
    <row r="115" spans="1:22" x14ac:dyDescent="0.25">
      <c r="A115" s="3" t="s">
        <v>988</v>
      </c>
      <c r="B115" s="4" t="s">
        <v>415</v>
      </c>
      <c r="C115" s="3" t="s">
        <v>416</v>
      </c>
      <c r="D115" s="5" t="s">
        <v>1109</v>
      </c>
      <c r="E115" s="3" t="s">
        <v>1012</v>
      </c>
      <c r="F115" s="3" t="s">
        <v>1019</v>
      </c>
      <c r="G115" s="3" t="s">
        <v>94</v>
      </c>
      <c r="H115" s="3" t="s">
        <v>64</v>
      </c>
      <c r="I115" s="3" t="s">
        <v>1020</v>
      </c>
      <c r="J115" s="3" t="s">
        <v>1021</v>
      </c>
      <c r="K115" s="3" t="s">
        <v>32</v>
      </c>
      <c r="L115" s="3" t="s">
        <v>33</v>
      </c>
      <c r="M115" s="3" t="s">
        <v>1016</v>
      </c>
      <c r="N115" s="3" t="s">
        <v>79</v>
      </c>
      <c r="O115" s="3" t="s">
        <v>161</v>
      </c>
      <c r="P115" s="3" t="s">
        <v>37</v>
      </c>
      <c r="Q115" s="3" t="s">
        <v>37</v>
      </c>
      <c r="R115" s="3" t="s">
        <v>38</v>
      </c>
      <c r="S115" s="3" t="s">
        <v>1022</v>
      </c>
      <c r="T115" s="3" t="s">
        <v>37</v>
      </c>
      <c r="U115" s="3" t="s">
        <v>37</v>
      </c>
      <c r="V115" s="3" t="s">
        <v>37</v>
      </c>
    </row>
    <row r="116" spans="1:22" x14ac:dyDescent="0.25">
      <c r="A116" s="3" t="s">
        <v>988</v>
      </c>
      <c r="B116" s="4" t="s">
        <v>415</v>
      </c>
      <c r="C116" s="3" t="s">
        <v>416</v>
      </c>
      <c r="D116" s="5" t="s">
        <v>503</v>
      </c>
      <c r="E116" s="3" t="s">
        <v>1012</v>
      </c>
      <c r="F116" s="3" t="s">
        <v>1023</v>
      </c>
      <c r="G116" s="3" t="s">
        <v>99</v>
      </c>
      <c r="H116" s="3" t="s">
        <v>64</v>
      </c>
      <c r="I116" s="3" t="s">
        <v>1020</v>
      </c>
      <c r="J116" s="3" t="s">
        <v>1024</v>
      </c>
      <c r="K116" s="3" t="s">
        <v>32</v>
      </c>
      <c r="L116" s="3" t="s">
        <v>33</v>
      </c>
      <c r="M116" s="3" t="s">
        <v>1016</v>
      </c>
      <c r="N116" s="3" t="s">
        <v>79</v>
      </c>
      <c r="O116" s="3" t="s">
        <v>161</v>
      </c>
      <c r="P116" s="3" t="s">
        <v>37</v>
      </c>
      <c r="Q116" s="3" t="s">
        <v>37</v>
      </c>
      <c r="R116" s="3" t="s">
        <v>38</v>
      </c>
      <c r="S116" s="3" t="s">
        <v>1025</v>
      </c>
      <c r="T116" s="3" t="s">
        <v>37</v>
      </c>
      <c r="U116" s="3" t="s">
        <v>37</v>
      </c>
      <c r="V116" s="3" t="s">
        <v>37</v>
      </c>
    </row>
    <row r="117" spans="1:22" x14ac:dyDescent="0.25">
      <c r="A117" s="3" t="s">
        <v>988</v>
      </c>
      <c r="B117" s="4" t="s">
        <v>415</v>
      </c>
      <c r="C117" s="3" t="s">
        <v>416</v>
      </c>
      <c r="D117" s="5" t="s">
        <v>1116</v>
      </c>
      <c r="E117" s="3" t="s">
        <v>1012</v>
      </c>
      <c r="F117" s="3" t="s">
        <v>1027</v>
      </c>
      <c r="G117" s="3" t="s">
        <v>120</v>
      </c>
      <c r="H117" s="3" t="s">
        <v>64</v>
      </c>
      <c r="I117" s="3" t="s">
        <v>1020</v>
      </c>
      <c r="J117" s="3" t="s">
        <v>1028</v>
      </c>
      <c r="K117" s="3" t="s">
        <v>32</v>
      </c>
      <c r="L117" s="3" t="s">
        <v>33</v>
      </c>
      <c r="M117" s="3" t="s">
        <v>1016</v>
      </c>
      <c r="N117" s="3" t="s">
        <v>79</v>
      </c>
      <c r="O117" s="3" t="s">
        <v>161</v>
      </c>
      <c r="P117" s="3" t="s">
        <v>37</v>
      </c>
      <c r="Q117" s="3" t="s">
        <v>37</v>
      </c>
      <c r="R117" s="3" t="s">
        <v>38</v>
      </c>
      <c r="S117" s="3" t="s">
        <v>1029</v>
      </c>
      <c r="T117" s="3" t="s">
        <v>37</v>
      </c>
      <c r="U117" s="3" t="s">
        <v>37</v>
      </c>
      <c r="V117" s="3" t="s">
        <v>37</v>
      </c>
    </row>
    <row r="118" spans="1:22" x14ac:dyDescent="0.25">
      <c r="A118" s="3" t="s">
        <v>988</v>
      </c>
      <c r="B118" s="4" t="s">
        <v>415</v>
      </c>
      <c r="C118" s="3" t="s">
        <v>416</v>
      </c>
      <c r="D118" s="5" t="s">
        <v>152</v>
      </c>
      <c r="E118" s="3" t="s">
        <v>1012</v>
      </c>
      <c r="F118" s="3" t="s">
        <v>1031</v>
      </c>
      <c r="G118" s="3" t="s">
        <v>239</v>
      </c>
      <c r="H118" s="3" t="s">
        <v>64</v>
      </c>
      <c r="I118" s="3" t="s">
        <v>1014</v>
      </c>
      <c r="J118" s="3" t="s">
        <v>1032</v>
      </c>
      <c r="K118" s="3" t="s">
        <v>32</v>
      </c>
      <c r="L118" s="3" t="s">
        <v>33</v>
      </c>
      <c r="M118" s="3" t="s">
        <v>1016</v>
      </c>
      <c r="N118" s="3" t="s">
        <v>79</v>
      </c>
      <c r="O118" s="3" t="s">
        <v>161</v>
      </c>
      <c r="P118" s="3" t="s">
        <v>37</v>
      </c>
      <c r="Q118" s="3" t="s">
        <v>37</v>
      </c>
      <c r="R118" s="3" t="s">
        <v>38</v>
      </c>
      <c r="S118" s="3" t="s">
        <v>1033</v>
      </c>
      <c r="T118" s="3" t="s">
        <v>37</v>
      </c>
      <c r="U118" s="3" t="s">
        <v>37</v>
      </c>
      <c r="V118" s="3" t="s">
        <v>37</v>
      </c>
    </row>
    <row r="119" spans="1:22" x14ac:dyDescent="0.25">
      <c r="A119" s="3" t="s">
        <v>988</v>
      </c>
      <c r="B119" s="4" t="s">
        <v>415</v>
      </c>
      <c r="C119" s="3" t="s">
        <v>416</v>
      </c>
      <c r="D119" s="5" t="s">
        <v>154</v>
      </c>
      <c r="E119" s="3" t="s">
        <v>1012</v>
      </c>
      <c r="F119" s="3" t="s">
        <v>1333</v>
      </c>
      <c r="G119" s="3" t="s">
        <v>352</v>
      </c>
      <c r="H119" s="3" t="s">
        <v>64</v>
      </c>
      <c r="I119" s="3" t="s">
        <v>1014</v>
      </c>
      <c r="J119" s="3" t="s">
        <v>1334</v>
      </c>
      <c r="K119" s="3" t="s">
        <v>32</v>
      </c>
      <c r="L119" s="3" t="s">
        <v>33</v>
      </c>
      <c r="M119" s="3" t="s">
        <v>1016</v>
      </c>
      <c r="N119" s="3" t="s">
        <v>79</v>
      </c>
      <c r="O119" s="3" t="s">
        <v>161</v>
      </c>
      <c r="P119" s="3" t="s">
        <v>37</v>
      </c>
      <c r="Q119" s="3" t="s">
        <v>37</v>
      </c>
      <c r="R119" s="3" t="s">
        <v>38</v>
      </c>
      <c r="S119" s="3" t="s">
        <v>1335</v>
      </c>
      <c r="T119" s="3" t="s">
        <v>37</v>
      </c>
      <c r="U119" s="3" t="s">
        <v>37</v>
      </c>
      <c r="V119" s="3" t="s">
        <v>37</v>
      </c>
    </row>
    <row r="120" spans="1:22" x14ac:dyDescent="0.25">
      <c r="A120" s="3" t="s">
        <v>988</v>
      </c>
      <c r="B120" s="4" t="s">
        <v>415</v>
      </c>
      <c r="C120" s="3" t="s">
        <v>416</v>
      </c>
      <c r="D120" s="5" t="s">
        <v>1336</v>
      </c>
      <c r="E120" s="3" t="s">
        <v>1012</v>
      </c>
      <c r="F120" s="3" t="s">
        <v>1337</v>
      </c>
      <c r="G120" s="3" t="s">
        <v>70</v>
      </c>
      <c r="H120" s="3" t="s">
        <v>64</v>
      </c>
      <c r="I120" s="3" t="s">
        <v>1020</v>
      </c>
      <c r="J120" s="3" t="s">
        <v>1338</v>
      </c>
      <c r="K120" s="3" t="s">
        <v>32</v>
      </c>
      <c r="L120" s="3" t="s">
        <v>33</v>
      </c>
      <c r="M120" s="3" t="s">
        <v>1016</v>
      </c>
      <c r="N120" s="3" t="s">
        <v>79</v>
      </c>
      <c r="O120" s="3" t="s">
        <v>161</v>
      </c>
      <c r="P120" s="3" t="s">
        <v>37</v>
      </c>
      <c r="Q120" s="3" t="s">
        <v>37</v>
      </c>
      <c r="R120" s="3" t="s">
        <v>38</v>
      </c>
      <c r="S120" s="3" t="s">
        <v>1339</v>
      </c>
      <c r="T120" s="3" t="s">
        <v>37</v>
      </c>
      <c r="U120" s="3" t="s">
        <v>37</v>
      </c>
      <c r="V120" s="3" t="s">
        <v>37</v>
      </c>
    </row>
    <row r="121" spans="1:22" x14ac:dyDescent="0.25">
      <c r="A121" s="3" t="s">
        <v>988</v>
      </c>
      <c r="B121" s="4" t="s">
        <v>415</v>
      </c>
      <c r="C121" s="3" t="s">
        <v>416</v>
      </c>
      <c r="D121" s="5" t="s">
        <v>1340</v>
      </c>
      <c r="E121" s="3" t="s">
        <v>1012</v>
      </c>
      <c r="F121" s="3" t="s">
        <v>1341</v>
      </c>
      <c r="G121" s="3" t="s">
        <v>153</v>
      </c>
      <c r="H121" s="3" t="s">
        <v>64</v>
      </c>
      <c r="I121" s="3" t="s">
        <v>1020</v>
      </c>
      <c r="J121" s="3" t="s">
        <v>1342</v>
      </c>
      <c r="K121" s="3" t="s">
        <v>32</v>
      </c>
      <c r="L121" s="3" t="s">
        <v>33</v>
      </c>
      <c r="M121" s="3" t="s">
        <v>1016</v>
      </c>
      <c r="N121" s="3" t="s">
        <v>79</v>
      </c>
      <c r="O121" s="3" t="s">
        <v>161</v>
      </c>
      <c r="P121" s="3" t="s">
        <v>37</v>
      </c>
      <c r="Q121" s="3" t="s">
        <v>37</v>
      </c>
      <c r="R121" s="3" t="s">
        <v>38</v>
      </c>
      <c r="S121" s="3" t="s">
        <v>1343</v>
      </c>
      <c r="T121" s="3" t="s">
        <v>37</v>
      </c>
      <c r="U121" s="3" t="s">
        <v>37</v>
      </c>
      <c r="V121" s="3" t="s">
        <v>37</v>
      </c>
    </row>
    <row r="122" spans="1:22" x14ac:dyDescent="0.25">
      <c r="A122" s="3" t="s">
        <v>988</v>
      </c>
      <c r="B122" s="4" t="s">
        <v>415</v>
      </c>
      <c r="C122" s="3" t="s">
        <v>416</v>
      </c>
      <c r="D122" s="5" t="s">
        <v>168</v>
      </c>
      <c r="E122" s="3" t="s">
        <v>1012</v>
      </c>
      <c r="F122" s="3" t="s">
        <v>1034</v>
      </c>
      <c r="G122" s="3" t="s">
        <v>281</v>
      </c>
      <c r="H122" s="3" t="s">
        <v>64</v>
      </c>
      <c r="I122" s="3" t="s">
        <v>1014</v>
      </c>
      <c r="J122" s="3" t="s">
        <v>1035</v>
      </c>
      <c r="K122" s="3" t="s">
        <v>32</v>
      </c>
      <c r="L122" s="3" t="s">
        <v>33</v>
      </c>
      <c r="M122" s="3" t="s">
        <v>1016</v>
      </c>
      <c r="N122" s="3" t="s">
        <v>79</v>
      </c>
      <c r="O122" s="3" t="s">
        <v>161</v>
      </c>
      <c r="P122" s="3" t="s">
        <v>37</v>
      </c>
      <c r="Q122" s="3" t="s">
        <v>37</v>
      </c>
      <c r="R122" s="3" t="s">
        <v>38</v>
      </c>
      <c r="S122" s="3" t="s">
        <v>1036</v>
      </c>
      <c r="T122" s="3" t="s">
        <v>37</v>
      </c>
      <c r="U122" s="3" t="s">
        <v>37</v>
      </c>
      <c r="V122" s="3" t="s">
        <v>37</v>
      </c>
    </row>
    <row r="123" spans="1:22" x14ac:dyDescent="0.25">
      <c r="A123" s="3" t="s">
        <v>988</v>
      </c>
      <c r="B123" s="4" t="s">
        <v>415</v>
      </c>
      <c r="C123" s="3" t="s">
        <v>416</v>
      </c>
      <c r="D123" s="5" t="s">
        <v>1344</v>
      </c>
      <c r="E123" s="3" t="s">
        <v>1012</v>
      </c>
      <c r="F123" s="3" t="s">
        <v>1345</v>
      </c>
      <c r="G123" s="3" t="s">
        <v>63</v>
      </c>
      <c r="H123" s="3" t="s">
        <v>64</v>
      </c>
      <c r="I123" s="3" t="s">
        <v>1014</v>
      </c>
      <c r="J123" s="3" t="s">
        <v>1346</v>
      </c>
      <c r="K123" s="3" t="s">
        <v>32</v>
      </c>
      <c r="L123" s="3" t="s">
        <v>33</v>
      </c>
      <c r="M123" s="3" t="s">
        <v>1016</v>
      </c>
      <c r="N123" s="3" t="s">
        <v>79</v>
      </c>
      <c r="O123" s="3" t="s">
        <v>161</v>
      </c>
      <c r="P123" s="3" t="s">
        <v>37</v>
      </c>
      <c r="Q123" s="3" t="s">
        <v>37</v>
      </c>
      <c r="R123" s="3" t="s">
        <v>38</v>
      </c>
      <c r="S123" s="3" t="s">
        <v>1347</v>
      </c>
      <c r="T123" s="3" t="s">
        <v>37</v>
      </c>
      <c r="U123" s="3" t="s">
        <v>37</v>
      </c>
      <c r="V123" s="3" t="s">
        <v>37</v>
      </c>
    </row>
    <row r="124" spans="1:22" x14ac:dyDescent="0.25">
      <c r="A124" s="3" t="s">
        <v>988</v>
      </c>
      <c r="B124" s="4" t="s">
        <v>415</v>
      </c>
      <c r="C124" s="3" t="s">
        <v>416</v>
      </c>
      <c r="D124" s="5" t="s">
        <v>1348</v>
      </c>
      <c r="E124" s="3" t="s">
        <v>1012</v>
      </c>
      <c r="F124" s="3" t="s">
        <v>1193</v>
      </c>
      <c r="G124" s="3" t="s">
        <v>315</v>
      </c>
      <c r="H124" s="3" t="s">
        <v>64</v>
      </c>
      <c r="I124" s="3" t="s">
        <v>1020</v>
      </c>
      <c r="J124" s="3" t="s">
        <v>1194</v>
      </c>
      <c r="K124" s="3" t="s">
        <v>32</v>
      </c>
      <c r="L124" s="3" t="s">
        <v>33</v>
      </c>
      <c r="M124" s="3" t="s">
        <v>1016</v>
      </c>
      <c r="N124" s="3" t="s">
        <v>79</v>
      </c>
      <c r="O124" s="3" t="s">
        <v>161</v>
      </c>
      <c r="P124" s="3" t="s">
        <v>37</v>
      </c>
      <c r="Q124" s="3" t="s">
        <v>37</v>
      </c>
      <c r="R124" s="3" t="s">
        <v>38</v>
      </c>
      <c r="S124" s="3" t="s">
        <v>1195</v>
      </c>
      <c r="T124" s="3" t="s">
        <v>37</v>
      </c>
      <c r="U124" s="3" t="s">
        <v>37</v>
      </c>
      <c r="V124" s="3" t="s">
        <v>37</v>
      </c>
    </row>
    <row r="125" spans="1:22" x14ac:dyDescent="0.25">
      <c r="A125" s="3" t="s">
        <v>988</v>
      </c>
      <c r="B125" s="4" t="s">
        <v>415</v>
      </c>
      <c r="C125" s="3" t="s">
        <v>416</v>
      </c>
      <c r="D125" s="5" t="s">
        <v>1131</v>
      </c>
      <c r="E125" s="3" t="s">
        <v>1012</v>
      </c>
      <c r="F125" s="3" t="s">
        <v>1196</v>
      </c>
      <c r="G125" s="3" t="s">
        <v>283</v>
      </c>
      <c r="H125" s="3" t="s">
        <v>64</v>
      </c>
      <c r="I125" s="3" t="s">
        <v>1020</v>
      </c>
      <c r="J125" s="3" t="s">
        <v>1197</v>
      </c>
      <c r="K125" s="3" t="s">
        <v>32</v>
      </c>
      <c r="L125" s="3" t="s">
        <v>33</v>
      </c>
      <c r="M125" s="3" t="s">
        <v>1016</v>
      </c>
      <c r="N125" s="3" t="s">
        <v>79</v>
      </c>
      <c r="O125" s="3" t="s">
        <v>161</v>
      </c>
      <c r="P125" s="3" t="s">
        <v>37</v>
      </c>
      <c r="Q125" s="3" t="s">
        <v>37</v>
      </c>
      <c r="R125" s="3" t="s">
        <v>38</v>
      </c>
      <c r="S125" s="3" t="s">
        <v>1198</v>
      </c>
      <c r="T125" s="3" t="s">
        <v>37</v>
      </c>
      <c r="U125" s="3" t="s">
        <v>37</v>
      </c>
      <c r="V125" s="3" t="s">
        <v>37</v>
      </c>
    </row>
    <row r="126" spans="1:22" x14ac:dyDescent="0.25">
      <c r="A126" s="3" t="s">
        <v>988</v>
      </c>
      <c r="B126" s="4" t="s">
        <v>415</v>
      </c>
      <c r="C126" s="3" t="s">
        <v>416</v>
      </c>
      <c r="D126" s="5" t="s">
        <v>177</v>
      </c>
      <c r="E126" s="3" t="s">
        <v>1012</v>
      </c>
      <c r="F126" s="3" t="s">
        <v>1349</v>
      </c>
      <c r="G126" s="3" t="s">
        <v>465</v>
      </c>
      <c r="H126" s="3" t="s">
        <v>64</v>
      </c>
      <c r="I126" s="3" t="s">
        <v>1020</v>
      </c>
      <c r="J126" s="8" t="s">
        <v>1298</v>
      </c>
      <c r="K126" s="3" t="s">
        <v>32</v>
      </c>
      <c r="L126" s="3" t="s">
        <v>33</v>
      </c>
      <c r="M126" s="3" t="s">
        <v>1016</v>
      </c>
      <c r="N126" s="3" t="s">
        <v>79</v>
      </c>
      <c r="O126" s="3" t="s">
        <v>1350</v>
      </c>
      <c r="P126" s="3" t="s">
        <v>37</v>
      </c>
      <c r="Q126" s="3" t="s">
        <v>37</v>
      </c>
      <c r="R126" s="3" t="s">
        <v>38</v>
      </c>
      <c r="S126" s="3" t="s">
        <v>1351</v>
      </c>
      <c r="T126" s="3" t="s">
        <v>37</v>
      </c>
      <c r="U126" s="3" t="s">
        <v>37</v>
      </c>
      <c r="V126" s="3" t="s">
        <v>37</v>
      </c>
    </row>
    <row r="127" spans="1:22" x14ac:dyDescent="0.25">
      <c r="A127" s="3" t="s">
        <v>988</v>
      </c>
      <c r="B127" s="4" t="s">
        <v>415</v>
      </c>
      <c r="C127" s="3" t="s">
        <v>416</v>
      </c>
      <c r="D127" s="5" t="s">
        <v>1352</v>
      </c>
      <c r="E127" s="3" t="s">
        <v>1012</v>
      </c>
      <c r="F127" s="3" t="s">
        <v>1353</v>
      </c>
      <c r="G127" s="3" t="s">
        <v>505</v>
      </c>
      <c r="H127" s="3" t="s">
        <v>64</v>
      </c>
      <c r="I127" s="3" t="s">
        <v>1014</v>
      </c>
      <c r="J127" s="3" t="s">
        <v>1354</v>
      </c>
      <c r="K127" s="3" t="s">
        <v>32</v>
      </c>
      <c r="L127" s="3" t="s">
        <v>33</v>
      </c>
      <c r="M127" s="3" t="s">
        <v>1016</v>
      </c>
      <c r="N127" s="3" t="s">
        <v>79</v>
      </c>
      <c r="O127" s="3" t="s">
        <v>161</v>
      </c>
      <c r="P127" s="3" t="s">
        <v>37</v>
      </c>
      <c r="Q127" s="3" t="s">
        <v>37</v>
      </c>
      <c r="R127" s="3" t="s">
        <v>38</v>
      </c>
      <c r="S127" s="3" t="s">
        <v>1355</v>
      </c>
      <c r="T127" s="3" t="s">
        <v>37</v>
      </c>
      <c r="U127" s="3" t="s">
        <v>37</v>
      </c>
      <c r="V127" s="3" t="s">
        <v>37</v>
      </c>
    </row>
    <row r="128" spans="1:22" x14ac:dyDescent="0.25">
      <c r="A128" s="3" t="s">
        <v>988</v>
      </c>
      <c r="B128" s="4" t="s">
        <v>415</v>
      </c>
      <c r="C128" s="3" t="s">
        <v>416</v>
      </c>
      <c r="D128" s="5" t="s">
        <v>1135</v>
      </c>
      <c r="E128" s="3" t="s">
        <v>1038</v>
      </c>
      <c r="F128" s="3" t="s">
        <v>1211</v>
      </c>
      <c r="G128" s="3" t="s">
        <v>497</v>
      </c>
      <c r="H128" s="3" t="s">
        <v>77</v>
      </c>
      <c r="I128" s="3" t="s">
        <v>37</v>
      </c>
      <c r="J128" s="3" t="s">
        <v>1212</v>
      </c>
      <c r="K128" s="3" t="s">
        <v>32</v>
      </c>
      <c r="L128" s="3" t="s">
        <v>33</v>
      </c>
      <c r="M128" s="3" t="s">
        <v>66</v>
      </c>
      <c r="N128" s="3" t="s">
        <v>79</v>
      </c>
      <c r="O128" s="3" t="s">
        <v>80</v>
      </c>
      <c r="P128" s="3" t="s">
        <v>37</v>
      </c>
      <c r="Q128" s="3" t="s">
        <v>37</v>
      </c>
      <c r="R128" s="3" t="s">
        <v>38</v>
      </c>
      <c r="S128" s="3" t="s">
        <v>1213</v>
      </c>
      <c r="T128" s="3" t="s">
        <v>37</v>
      </c>
      <c r="U128" s="3" t="s">
        <v>37</v>
      </c>
      <c r="V128" s="3" t="s">
        <v>37</v>
      </c>
    </row>
    <row r="129" spans="1:22" x14ac:dyDescent="0.25">
      <c r="A129" s="3" t="s">
        <v>988</v>
      </c>
      <c r="B129" s="4" t="s">
        <v>415</v>
      </c>
      <c r="C129" s="3" t="s">
        <v>416</v>
      </c>
      <c r="D129" s="5" t="s">
        <v>1139</v>
      </c>
      <c r="E129" s="3" t="s">
        <v>1126</v>
      </c>
      <c r="F129" s="3" t="s">
        <v>1136</v>
      </c>
      <c r="G129" s="3" t="s">
        <v>422</v>
      </c>
      <c r="H129" s="3" t="s">
        <v>29</v>
      </c>
      <c r="I129" s="3" t="s">
        <v>37</v>
      </c>
      <c r="J129" s="7" t="s">
        <v>1137</v>
      </c>
      <c r="K129" s="3" t="s">
        <v>32</v>
      </c>
      <c r="L129" s="3" t="s">
        <v>33</v>
      </c>
      <c r="M129" s="3" t="s">
        <v>66</v>
      </c>
      <c r="N129" s="3" t="s">
        <v>67</v>
      </c>
      <c r="O129" s="3" t="s">
        <v>80</v>
      </c>
      <c r="P129" s="3" t="s">
        <v>37</v>
      </c>
      <c r="Q129" s="3" t="s">
        <v>37</v>
      </c>
      <c r="R129" s="3" t="s">
        <v>38</v>
      </c>
      <c r="S129" s="3" t="s">
        <v>1138</v>
      </c>
      <c r="T129" s="3" t="s">
        <v>37</v>
      </c>
      <c r="U129" s="3" t="s">
        <v>37</v>
      </c>
      <c r="V129" s="3" t="s">
        <v>37</v>
      </c>
    </row>
    <row r="130" spans="1:22" x14ac:dyDescent="0.25">
      <c r="A130" s="3" t="s">
        <v>988</v>
      </c>
      <c r="B130" s="4" t="s">
        <v>415</v>
      </c>
      <c r="C130" s="3" t="s">
        <v>416</v>
      </c>
      <c r="D130" s="5" t="s">
        <v>1143</v>
      </c>
      <c r="E130" s="3" t="s">
        <v>1126</v>
      </c>
      <c r="F130" s="3" t="s">
        <v>1356</v>
      </c>
      <c r="G130" s="3" t="s">
        <v>274</v>
      </c>
      <c r="H130" s="3" t="s">
        <v>29</v>
      </c>
      <c r="I130" s="3" t="s">
        <v>37</v>
      </c>
      <c r="J130" s="3" t="s">
        <v>1357</v>
      </c>
      <c r="K130" s="3" t="s">
        <v>32</v>
      </c>
      <c r="L130" s="3" t="s">
        <v>33</v>
      </c>
      <c r="M130" s="3" t="s">
        <v>66</v>
      </c>
      <c r="N130" s="3" t="s">
        <v>67</v>
      </c>
      <c r="O130" s="3" t="s">
        <v>80</v>
      </c>
      <c r="P130" s="3" t="s">
        <v>37</v>
      </c>
      <c r="Q130" s="3" t="s">
        <v>37</v>
      </c>
      <c r="R130" s="3" t="s">
        <v>38</v>
      </c>
      <c r="S130" s="3" t="s">
        <v>1358</v>
      </c>
      <c r="T130" s="3" t="s">
        <v>37</v>
      </c>
      <c r="U130" s="3" t="s">
        <v>37</v>
      </c>
      <c r="V130" s="3" t="s">
        <v>37</v>
      </c>
    </row>
    <row r="131" spans="1:22" x14ac:dyDescent="0.25">
      <c r="A131" s="3" t="s">
        <v>988</v>
      </c>
      <c r="B131" s="4" t="s">
        <v>415</v>
      </c>
      <c r="C131" s="3" t="s">
        <v>416</v>
      </c>
      <c r="D131" s="5" t="s">
        <v>1359</v>
      </c>
      <c r="E131" s="3" t="s">
        <v>540</v>
      </c>
      <c r="F131" s="3" t="s">
        <v>547</v>
      </c>
      <c r="G131" s="3" t="s">
        <v>104</v>
      </c>
      <c r="H131" s="3" t="s">
        <v>64</v>
      </c>
      <c r="I131" s="3" t="s">
        <v>542</v>
      </c>
      <c r="J131" s="3" t="s">
        <v>1360</v>
      </c>
      <c r="K131" s="3" t="s">
        <v>32</v>
      </c>
      <c r="L131" s="3" t="s">
        <v>544</v>
      </c>
      <c r="M131" s="3" t="s">
        <v>34</v>
      </c>
      <c r="N131" s="3" t="s">
        <v>35</v>
      </c>
      <c r="O131" s="3" t="s">
        <v>80</v>
      </c>
      <c r="P131" s="3" t="s">
        <v>37</v>
      </c>
      <c r="Q131" s="3" t="s">
        <v>37</v>
      </c>
      <c r="R131" s="3" t="s">
        <v>38</v>
      </c>
      <c r="S131" s="3" t="s">
        <v>549</v>
      </c>
      <c r="T131" s="3" t="s">
        <v>37</v>
      </c>
      <c r="U131" s="3" t="s">
        <v>37</v>
      </c>
      <c r="V131" s="3" t="s">
        <v>37</v>
      </c>
    </row>
    <row r="132" spans="1:22" x14ac:dyDescent="0.25">
      <c r="A132" s="3" t="s">
        <v>988</v>
      </c>
      <c r="B132" s="4" t="s">
        <v>415</v>
      </c>
      <c r="C132" s="3" t="s">
        <v>416</v>
      </c>
      <c r="D132" s="5" t="s">
        <v>1149</v>
      </c>
      <c r="E132" s="3" t="s">
        <v>1150</v>
      </c>
      <c r="F132" s="3" t="s">
        <v>1361</v>
      </c>
      <c r="G132" s="3" t="s">
        <v>892</v>
      </c>
      <c r="H132" s="3" t="s">
        <v>77</v>
      </c>
      <c r="I132" s="3" t="s">
        <v>37</v>
      </c>
      <c r="J132" s="3" t="s">
        <v>1362</v>
      </c>
      <c r="K132" s="3" t="s">
        <v>32</v>
      </c>
      <c r="L132" s="3" t="s">
        <v>33</v>
      </c>
      <c r="M132" s="3" t="s">
        <v>66</v>
      </c>
      <c r="N132" s="3" t="s">
        <v>67</v>
      </c>
      <c r="O132" s="3" t="s">
        <v>52</v>
      </c>
      <c r="P132" s="3" t="s">
        <v>37</v>
      </c>
      <c r="Q132" s="3" t="s">
        <v>37</v>
      </c>
      <c r="R132" s="3" t="s">
        <v>38</v>
      </c>
      <c r="S132" s="3" t="s">
        <v>1363</v>
      </c>
      <c r="T132" s="3" t="s">
        <v>37</v>
      </c>
      <c r="U132" s="3" t="s">
        <v>37</v>
      </c>
      <c r="V132" s="3" t="s">
        <v>37</v>
      </c>
    </row>
    <row r="133" spans="1:22" x14ac:dyDescent="0.25">
      <c r="A133" s="3" t="s">
        <v>988</v>
      </c>
      <c r="B133" s="4" t="s">
        <v>415</v>
      </c>
      <c r="C133" s="3" t="s">
        <v>416</v>
      </c>
      <c r="D133" s="5" t="s">
        <v>207</v>
      </c>
      <c r="E133" s="3" t="s">
        <v>1154</v>
      </c>
      <c r="F133" s="3" t="s">
        <v>1364</v>
      </c>
      <c r="G133" s="3" t="s">
        <v>270</v>
      </c>
      <c r="H133" s="3" t="s">
        <v>29</v>
      </c>
      <c r="I133" s="3" t="s">
        <v>1252</v>
      </c>
      <c r="J133" s="3" t="s">
        <v>1365</v>
      </c>
      <c r="K133" s="3" t="s">
        <v>32</v>
      </c>
      <c r="L133" s="3" t="s">
        <v>33</v>
      </c>
      <c r="M133" s="3" t="s">
        <v>66</v>
      </c>
      <c r="N133" s="3" t="s">
        <v>71</v>
      </c>
      <c r="O133" s="3" t="s">
        <v>36</v>
      </c>
      <c r="P133" s="3" t="s">
        <v>37</v>
      </c>
      <c r="Q133" s="3" t="s">
        <v>37</v>
      </c>
      <c r="R133" s="3" t="s">
        <v>38</v>
      </c>
      <c r="S133" s="3" t="s">
        <v>1366</v>
      </c>
      <c r="T133" s="3" t="s">
        <v>37</v>
      </c>
      <c r="U133" s="3" t="s">
        <v>37</v>
      </c>
      <c r="V133" s="3" t="s">
        <v>37</v>
      </c>
    </row>
    <row r="134" spans="1:22" x14ac:dyDescent="0.25">
      <c r="A134" s="3" t="s">
        <v>988</v>
      </c>
      <c r="B134" s="4" t="s">
        <v>415</v>
      </c>
      <c r="C134" s="3" t="s">
        <v>416</v>
      </c>
      <c r="D134" s="5" t="s">
        <v>1158</v>
      </c>
      <c r="E134" s="3" t="s">
        <v>1367</v>
      </c>
      <c r="F134" s="3" t="s">
        <v>1368</v>
      </c>
      <c r="G134" s="3" t="s">
        <v>641</v>
      </c>
      <c r="H134" s="3" t="s">
        <v>278</v>
      </c>
      <c r="I134" s="3" t="s">
        <v>1369</v>
      </c>
      <c r="J134" s="3" t="s">
        <v>1370</v>
      </c>
      <c r="K134" s="3" t="s">
        <v>32</v>
      </c>
      <c r="L134" s="3" t="s">
        <v>33</v>
      </c>
      <c r="M134" s="3" t="s">
        <v>66</v>
      </c>
      <c r="N134" s="3" t="s">
        <v>51</v>
      </c>
      <c r="O134" s="3" t="s">
        <v>80</v>
      </c>
      <c r="P134" s="3" t="s">
        <v>37</v>
      </c>
      <c r="Q134" s="3" t="s">
        <v>37</v>
      </c>
      <c r="R134" s="3" t="s">
        <v>38</v>
      </c>
      <c r="S134" s="3" t="s">
        <v>1371</v>
      </c>
      <c r="T134" s="3" t="s">
        <v>37</v>
      </c>
      <c r="U134" s="3" t="s">
        <v>37</v>
      </c>
      <c r="V134" s="3" t="s">
        <v>37</v>
      </c>
    </row>
    <row r="135" spans="1:22" x14ac:dyDescent="0.25">
      <c r="A135" s="3" t="s">
        <v>988</v>
      </c>
      <c r="B135" s="4" t="s">
        <v>415</v>
      </c>
      <c r="C135" s="3" t="s">
        <v>416</v>
      </c>
      <c r="D135" s="5" t="s">
        <v>539</v>
      </c>
      <c r="E135" s="3" t="s">
        <v>1012</v>
      </c>
      <c r="F135" s="3" t="s">
        <v>1199</v>
      </c>
      <c r="G135" s="3" t="s">
        <v>288</v>
      </c>
      <c r="H135" s="3" t="s">
        <v>64</v>
      </c>
      <c r="I135" s="3" t="s">
        <v>1020</v>
      </c>
      <c r="J135" s="3" t="s">
        <v>1200</v>
      </c>
      <c r="K135" s="3" t="s">
        <v>32</v>
      </c>
      <c r="L135" s="3" t="s">
        <v>33</v>
      </c>
      <c r="M135" s="3" t="s">
        <v>1016</v>
      </c>
      <c r="N135" s="3" t="s">
        <v>79</v>
      </c>
      <c r="O135" s="3" t="s">
        <v>161</v>
      </c>
      <c r="P135" s="3" t="s">
        <v>37</v>
      </c>
      <c r="Q135" s="3" t="s">
        <v>37</v>
      </c>
      <c r="R135" s="3" t="s">
        <v>38</v>
      </c>
      <c r="S135" s="3" t="s">
        <v>1201</v>
      </c>
      <c r="T135" s="3" t="s">
        <v>37</v>
      </c>
      <c r="U135" s="3" t="s">
        <v>37</v>
      </c>
      <c r="V135" s="3" t="s">
        <v>37</v>
      </c>
    </row>
    <row r="136" spans="1:22" x14ac:dyDescent="0.25">
      <c r="A136" s="3" t="s">
        <v>988</v>
      </c>
      <c r="B136" s="4" t="s">
        <v>415</v>
      </c>
      <c r="C136" s="3" t="s">
        <v>416</v>
      </c>
      <c r="D136" s="5" t="s">
        <v>1372</v>
      </c>
      <c r="E136" s="3" t="s">
        <v>1012</v>
      </c>
      <c r="F136" s="3" t="s">
        <v>1373</v>
      </c>
      <c r="G136" s="3" t="s">
        <v>293</v>
      </c>
      <c r="H136" s="3" t="s">
        <v>64</v>
      </c>
      <c r="I136" s="3" t="s">
        <v>1020</v>
      </c>
      <c r="J136" s="3" t="s">
        <v>1374</v>
      </c>
      <c r="K136" s="3" t="s">
        <v>32</v>
      </c>
      <c r="L136" s="3" t="s">
        <v>33</v>
      </c>
      <c r="M136" s="3" t="s">
        <v>1016</v>
      </c>
      <c r="N136" s="3" t="s">
        <v>79</v>
      </c>
      <c r="O136" s="3" t="s">
        <v>161</v>
      </c>
      <c r="P136" s="3" t="s">
        <v>37</v>
      </c>
      <c r="Q136" s="3" t="s">
        <v>37</v>
      </c>
      <c r="R136" s="3" t="s">
        <v>38</v>
      </c>
      <c r="S136" s="3" t="s">
        <v>1375</v>
      </c>
      <c r="T136" s="3" t="s">
        <v>37</v>
      </c>
      <c r="U136" s="3" t="s">
        <v>37</v>
      </c>
      <c r="V136" s="3" t="s">
        <v>37</v>
      </c>
    </row>
    <row r="137" spans="1:22" x14ac:dyDescent="0.25">
      <c r="A137" s="3" t="s">
        <v>988</v>
      </c>
      <c r="B137" s="4" t="s">
        <v>415</v>
      </c>
      <c r="C137" s="3" t="s">
        <v>416</v>
      </c>
      <c r="D137" s="5" t="s">
        <v>1376</v>
      </c>
      <c r="E137" s="3" t="s">
        <v>1012</v>
      </c>
      <c r="F137" s="3" t="s">
        <v>1202</v>
      </c>
      <c r="G137" s="3" t="s">
        <v>228</v>
      </c>
      <c r="H137" s="3" t="s">
        <v>64</v>
      </c>
      <c r="I137" s="3" t="s">
        <v>1020</v>
      </c>
      <c r="J137" s="3" t="s">
        <v>1203</v>
      </c>
      <c r="K137" s="3" t="s">
        <v>32</v>
      </c>
      <c r="L137" s="3" t="s">
        <v>33</v>
      </c>
      <c r="M137" s="3" t="s">
        <v>1016</v>
      </c>
      <c r="N137" s="3" t="s">
        <v>79</v>
      </c>
      <c r="O137" s="3" t="s">
        <v>161</v>
      </c>
      <c r="P137" s="3" t="s">
        <v>37</v>
      </c>
      <c r="Q137" s="3" t="s">
        <v>37</v>
      </c>
      <c r="R137" s="3" t="s">
        <v>38</v>
      </c>
      <c r="S137" s="3" t="s">
        <v>1204</v>
      </c>
      <c r="T137" s="3" t="s">
        <v>37</v>
      </c>
      <c r="U137" s="3" t="s">
        <v>37</v>
      </c>
      <c r="V137" s="3" t="s">
        <v>37</v>
      </c>
    </row>
    <row r="138" spans="1:22" x14ac:dyDescent="0.25">
      <c r="A138" s="3" t="s">
        <v>988</v>
      </c>
      <c r="B138" s="4" t="s">
        <v>415</v>
      </c>
      <c r="C138" s="3" t="s">
        <v>416</v>
      </c>
      <c r="D138" s="5" t="s">
        <v>211</v>
      </c>
      <c r="E138" s="3" t="s">
        <v>1007</v>
      </c>
      <c r="F138" s="3" t="s">
        <v>1377</v>
      </c>
      <c r="G138" s="3" t="s">
        <v>222</v>
      </c>
      <c r="H138" s="3" t="s">
        <v>64</v>
      </c>
      <c r="I138" s="3" t="s">
        <v>37</v>
      </c>
      <c r="J138" s="3" t="s">
        <v>1378</v>
      </c>
      <c r="K138" s="3" t="s">
        <v>32</v>
      </c>
      <c r="L138" s="3" t="s">
        <v>33</v>
      </c>
      <c r="M138" s="3" t="s">
        <v>66</v>
      </c>
      <c r="N138" s="3" t="s">
        <v>67</v>
      </c>
      <c r="O138" s="3" t="s">
        <v>52</v>
      </c>
      <c r="P138" s="3" t="s">
        <v>37</v>
      </c>
      <c r="Q138" s="3" t="s">
        <v>37</v>
      </c>
      <c r="R138" s="3" t="s">
        <v>38</v>
      </c>
      <c r="S138" s="3" t="s">
        <v>1379</v>
      </c>
      <c r="T138" s="3" t="s">
        <v>37</v>
      </c>
      <c r="U138" s="3" t="s">
        <v>37</v>
      </c>
      <c r="V138" s="3" t="s">
        <v>37</v>
      </c>
    </row>
    <row r="139" spans="1:22" x14ac:dyDescent="0.25">
      <c r="A139" s="3" t="s">
        <v>988</v>
      </c>
      <c r="B139" s="4" t="s">
        <v>415</v>
      </c>
      <c r="C139" s="3" t="s">
        <v>416</v>
      </c>
      <c r="D139" s="5" t="s">
        <v>216</v>
      </c>
      <c r="E139" s="3" t="s">
        <v>1126</v>
      </c>
      <c r="F139" s="3" t="s">
        <v>1136</v>
      </c>
      <c r="G139" s="3" t="s">
        <v>422</v>
      </c>
      <c r="H139" s="3" t="s">
        <v>29</v>
      </c>
      <c r="I139" s="3" t="s">
        <v>37</v>
      </c>
      <c r="J139" s="7" t="s">
        <v>1137</v>
      </c>
      <c r="K139" s="3" t="s">
        <v>32</v>
      </c>
      <c r="L139" s="3" t="s">
        <v>33</v>
      </c>
      <c r="M139" s="3" t="s">
        <v>66</v>
      </c>
      <c r="N139" s="3" t="s">
        <v>67</v>
      </c>
      <c r="O139" s="3" t="s">
        <v>80</v>
      </c>
      <c r="P139" s="3" t="s">
        <v>37</v>
      </c>
      <c r="Q139" s="3" t="s">
        <v>37</v>
      </c>
      <c r="R139" s="3" t="s">
        <v>38</v>
      </c>
      <c r="S139" s="3" t="s">
        <v>1138</v>
      </c>
      <c r="T139" s="3" t="s">
        <v>37</v>
      </c>
      <c r="U139" s="3" t="s">
        <v>37</v>
      </c>
      <c r="V139" s="3" t="s">
        <v>37</v>
      </c>
    </row>
    <row r="140" spans="1:22" x14ac:dyDescent="0.25">
      <c r="A140" s="3" t="s">
        <v>988</v>
      </c>
      <c r="B140" s="4" t="s">
        <v>415</v>
      </c>
      <c r="C140" s="3" t="s">
        <v>416</v>
      </c>
      <c r="D140" s="5" t="s">
        <v>394</v>
      </c>
      <c r="E140" s="3" t="s">
        <v>1126</v>
      </c>
      <c r="F140" s="3" t="s">
        <v>1380</v>
      </c>
      <c r="G140" s="3" t="s">
        <v>233</v>
      </c>
      <c r="H140" s="3" t="s">
        <v>29</v>
      </c>
      <c r="I140" s="3" t="s">
        <v>37</v>
      </c>
      <c r="J140" s="3" t="s">
        <v>1381</v>
      </c>
      <c r="K140" s="3" t="s">
        <v>32</v>
      </c>
      <c r="L140" s="3" t="s">
        <v>33</v>
      </c>
      <c r="M140" s="3" t="s">
        <v>66</v>
      </c>
      <c r="N140" s="3" t="s">
        <v>67</v>
      </c>
      <c r="O140" s="3" t="s">
        <v>80</v>
      </c>
      <c r="P140" s="3" t="s">
        <v>37</v>
      </c>
      <c r="Q140" s="3" t="s">
        <v>37</v>
      </c>
      <c r="R140" s="3" t="s">
        <v>38</v>
      </c>
      <c r="S140" s="3" t="s">
        <v>1382</v>
      </c>
      <c r="T140" s="3" t="s">
        <v>37</v>
      </c>
      <c r="U140" s="3" t="s">
        <v>37</v>
      </c>
      <c r="V140" s="3" t="s">
        <v>37</v>
      </c>
    </row>
    <row r="141" spans="1:22" x14ac:dyDescent="0.25">
      <c r="A141" s="3" t="s">
        <v>988</v>
      </c>
      <c r="B141" s="4" t="s">
        <v>415</v>
      </c>
      <c r="C141" s="3" t="s">
        <v>416</v>
      </c>
      <c r="D141" s="5" t="s">
        <v>225</v>
      </c>
      <c r="E141" s="3" t="s">
        <v>540</v>
      </c>
      <c r="F141" s="3" t="s">
        <v>666</v>
      </c>
      <c r="G141" s="3" t="s">
        <v>274</v>
      </c>
      <c r="H141" s="3" t="s">
        <v>64</v>
      </c>
      <c r="I141" s="3" t="s">
        <v>542</v>
      </c>
      <c r="J141" s="3" t="s">
        <v>1162</v>
      </c>
      <c r="K141" s="3" t="s">
        <v>32</v>
      </c>
      <c r="L141" s="3" t="s">
        <v>544</v>
      </c>
      <c r="M141" s="3" t="s">
        <v>34</v>
      </c>
      <c r="N141" s="3" t="s">
        <v>35</v>
      </c>
      <c r="O141" s="3" t="s">
        <v>80</v>
      </c>
      <c r="P141" s="3" t="s">
        <v>37</v>
      </c>
      <c r="Q141" s="3" t="s">
        <v>37</v>
      </c>
      <c r="R141" s="3" t="s">
        <v>38</v>
      </c>
      <c r="S141" s="3" t="s">
        <v>668</v>
      </c>
      <c r="T141" s="3" t="s">
        <v>37</v>
      </c>
      <c r="U141" s="3" t="s">
        <v>37</v>
      </c>
      <c r="V141" s="3" t="s">
        <v>37</v>
      </c>
    </row>
    <row r="142" spans="1:22" x14ac:dyDescent="0.25">
      <c r="A142" s="3" t="s">
        <v>988</v>
      </c>
      <c r="B142" s="4" t="s">
        <v>415</v>
      </c>
      <c r="C142" s="3" t="s">
        <v>416</v>
      </c>
      <c r="D142" s="5" t="s">
        <v>1171</v>
      </c>
      <c r="E142" s="3" t="s">
        <v>1150</v>
      </c>
      <c r="F142" s="3" t="s">
        <v>1151</v>
      </c>
      <c r="G142" s="3" t="s">
        <v>688</v>
      </c>
      <c r="H142" s="3" t="s">
        <v>77</v>
      </c>
      <c r="I142" s="3" t="s">
        <v>37</v>
      </c>
      <c r="J142" s="3" t="s">
        <v>1152</v>
      </c>
      <c r="K142" s="3" t="s">
        <v>32</v>
      </c>
      <c r="L142" s="3" t="s">
        <v>33</v>
      </c>
      <c r="M142" s="3" t="s">
        <v>66</v>
      </c>
      <c r="N142" s="3" t="s">
        <v>67</v>
      </c>
      <c r="O142" s="3" t="s">
        <v>52</v>
      </c>
      <c r="P142" s="3" t="s">
        <v>37</v>
      </c>
      <c r="Q142" s="3" t="s">
        <v>37</v>
      </c>
      <c r="R142" s="3" t="s">
        <v>38</v>
      </c>
      <c r="S142" s="3" t="s">
        <v>1153</v>
      </c>
      <c r="T142" s="3" t="s">
        <v>37</v>
      </c>
      <c r="U142" s="3" t="s">
        <v>37</v>
      </c>
      <c r="V142" s="3" t="s">
        <v>37</v>
      </c>
    </row>
    <row r="143" spans="1:22" x14ac:dyDescent="0.25">
      <c r="A143" s="3" t="s">
        <v>988</v>
      </c>
      <c r="B143" s="4" t="s">
        <v>415</v>
      </c>
      <c r="C143" s="3" t="s">
        <v>416</v>
      </c>
      <c r="D143" s="5" t="s">
        <v>236</v>
      </c>
      <c r="E143" s="3" t="s">
        <v>1154</v>
      </c>
      <c r="F143" s="3" t="s">
        <v>1155</v>
      </c>
      <c r="G143" s="3" t="s">
        <v>958</v>
      </c>
      <c r="H143" s="3" t="s">
        <v>278</v>
      </c>
      <c r="I143" s="3" t="s">
        <v>37</v>
      </c>
      <c r="J143" s="3" t="s">
        <v>1156</v>
      </c>
      <c r="K143" s="3" t="s">
        <v>32</v>
      </c>
      <c r="L143" s="3" t="s">
        <v>33</v>
      </c>
      <c r="M143" s="3" t="s">
        <v>66</v>
      </c>
      <c r="N143" s="3" t="s">
        <v>51</v>
      </c>
      <c r="O143" s="3" t="s">
        <v>36</v>
      </c>
      <c r="P143" s="3" t="s">
        <v>37</v>
      </c>
      <c r="Q143" s="3" t="s">
        <v>37</v>
      </c>
      <c r="R143" s="3" t="s">
        <v>38</v>
      </c>
      <c r="S143" s="3" t="s">
        <v>1157</v>
      </c>
      <c r="T143" s="3" t="s">
        <v>37</v>
      </c>
      <c r="U143" s="3" t="s">
        <v>37</v>
      </c>
      <c r="V143" s="3" t="s">
        <v>37</v>
      </c>
    </row>
    <row r="144" spans="1:22" x14ac:dyDescent="0.25">
      <c r="A144" s="3" t="s">
        <v>988</v>
      </c>
      <c r="B144" s="4" t="s">
        <v>415</v>
      </c>
      <c r="C144" s="3" t="s">
        <v>416</v>
      </c>
      <c r="D144" s="5" t="s">
        <v>1175</v>
      </c>
      <c r="E144" s="3" t="s">
        <v>1001</v>
      </c>
      <c r="F144" s="3" t="s">
        <v>1383</v>
      </c>
      <c r="G144" s="3" t="s">
        <v>104</v>
      </c>
      <c r="H144" s="3" t="s">
        <v>64</v>
      </c>
      <c r="I144" s="3" t="s">
        <v>1003</v>
      </c>
      <c r="J144" s="3" t="s">
        <v>1384</v>
      </c>
      <c r="K144" s="3" t="s">
        <v>32</v>
      </c>
      <c r="L144" s="3" t="s">
        <v>33</v>
      </c>
      <c r="M144" s="3" t="s">
        <v>34</v>
      </c>
      <c r="N144" s="3" t="s">
        <v>67</v>
      </c>
      <c r="O144" s="3" t="s">
        <v>52</v>
      </c>
      <c r="P144" s="3" t="s">
        <v>37</v>
      </c>
      <c r="Q144" s="3" t="s">
        <v>37</v>
      </c>
      <c r="R144" s="3" t="s">
        <v>38</v>
      </c>
      <c r="S144" s="3" t="s">
        <v>1385</v>
      </c>
      <c r="T144" s="3" t="s">
        <v>37</v>
      </c>
      <c r="U144" s="3" t="s">
        <v>37</v>
      </c>
      <c r="V144" s="3" t="s">
        <v>37</v>
      </c>
    </row>
    <row r="145" spans="1:22" x14ac:dyDescent="0.25">
      <c r="A145" s="3"/>
      <c r="B145" s="4"/>
      <c r="C145" s="3"/>
      <c r="D145" s="5"/>
      <c r="E145" s="6" t="s">
        <v>1179</v>
      </c>
      <c r="F145" s="3"/>
      <c r="G145" s="3"/>
      <c r="H145" s="3"/>
      <c r="I145" s="3"/>
      <c r="J145" s="3"/>
      <c r="K145" s="3"/>
      <c r="L145" s="3"/>
      <c r="M145" s="3"/>
      <c r="N145" s="3"/>
      <c r="O145" s="3"/>
      <c r="P145" s="3"/>
      <c r="Q145" s="3"/>
      <c r="R145" s="3"/>
      <c r="S145" s="3"/>
      <c r="T145" s="3"/>
      <c r="U145" s="3"/>
      <c r="V145" s="3"/>
    </row>
    <row r="146" spans="1:22" x14ac:dyDescent="0.25">
      <c r="A146" s="3"/>
      <c r="B146" s="4"/>
      <c r="C146" s="3"/>
      <c r="D146" s="5"/>
      <c r="E146" s="3"/>
      <c r="F146" s="3"/>
      <c r="G146" s="3"/>
      <c r="H146" s="3"/>
      <c r="I146" s="3"/>
      <c r="J146" s="3"/>
      <c r="K146" s="3"/>
      <c r="L146" s="3"/>
      <c r="M146" s="3"/>
      <c r="N146" s="3"/>
      <c r="O146" s="3"/>
      <c r="P146" s="3"/>
      <c r="Q146" s="3"/>
      <c r="R146" s="3"/>
      <c r="S146" s="3"/>
      <c r="T146" s="3"/>
      <c r="U146" s="3"/>
      <c r="V146" s="3"/>
    </row>
    <row r="147" spans="1:22" x14ac:dyDescent="0.25">
      <c r="A147" s="3" t="s">
        <v>988</v>
      </c>
      <c r="B147" s="4" t="s">
        <v>574</v>
      </c>
      <c r="C147" s="3" t="s">
        <v>575</v>
      </c>
      <c r="D147" s="5" t="s">
        <v>25</v>
      </c>
      <c r="E147" s="3" t="s">
        <v>989</v>
      </c>
      <c r="F147" s="3" t="s">
        <v>1386</v>
      </c>
      <c r="G147" s="3" t="s">
        <v>1045</v>
      </c>
      <c r="H147" s="3" t="s">
        <v>77</v>
      </c>
      <c r="I147" s="3" t="s">
        <v>1387</v>
      </c>
      <c r="J147" s="3" t="s">
        <v>1388</v>
      </c>
      <c r="K147" s="3" t="s">
        <v>32</v>
      </c>
      <c r="L147" s="3" t="s">
        <v>33</v>
      </c>
      <c r="M147" s="3" t="s">
        <v>66</v>
      </c>
      <c r="N147" s="3" t="s">
        <v>993</v>
      </c>
      <c r="O147" s="3" t="s">
        <v>80</v>
      </c>
      <c r="P147" s="3" t="s">
        <v>37</v>
      </c>
      <c r="Q147" s="3" t="s">
        <v>37</v>
      </c>
      <c r="R147" s="3" t="s">
        <v>38</v>
      </c>
      <c r="S147" s="3" t="s">
        <v>1389</v>
      </c>
      <c r="T147" s="3" t="s">
        <v>37</v>
      </c>
      <c r="U147" s="3" t="s">
        <v>37</v>
      </c>
      <c r="V147" s="3" t="s">
        <v>37</v>
      </c>
    </row>
    <row r="148" spans="1:22" x14ac:dyDescent="0.25">
      <c r="A148" s="3" t="s">
        <v>988</v>
      </c>
      <c r="B148" s="4" t="s">
        <v>574</v>
      </c>
      <c r="C148" s="3" t="s">
        <v>575</v>
      </c>
      <c r="D148" s="5" t="s">
        <v>995</v>
      </c>
      <c r="E148" s="3" t="s">
        <v>989</v>
      </c>
      <c r="F148" s="3" t="s">
        <v>1390</v>
      </c>
      <c r="G148" s="3" t="s">
        <v>1391</v>
      </c>
      <c r="H148" s="3" t="s">
        <v>77</v>
      </c>
      <c r="I148" s="3" t="s">
        <v>1387</v>
      </c>
      <c r="J148" s="3" t="s">
        <v>1392</v>
      </c>
      <c r="K148" s="3" t="s">
        <v>32</v>
      </c>
      <c r="L148" s="3" t="s">
        <v>33</v>
      </c>
      <c r="M148" s="3" t="s">
        <v>66</v>
      </c>
      <c r="N148" s="3" t="s">
        <v>993</v>
      </c>
      <c r="O148" s="3" t="s">
        <v>80</v>
      </c>
      <c r="P148" s="3" t="s">
        <v>37</v>
      </c>
      <c r="Q148" s="3" t="s">
        <v>37</v>
      </c>
      <c r="R148" s="3" t="s">
        <v>38</v>
      </c>
      <c r="S148" s="3" t="s">
        <v>1393</v>
      </c>
      <c r="T148" s="3" t="s">
        <v>37</v>
      </c>
      <c r="U148" s="3" t="s">
        <v>37</v>
      </c>
      <c r="V148" s="3" t="s">
        <v>37</v>
      </c>
    </row>
    <row r="149" spans="1:22" x14ac:dyDescent="0.25">
      <c r="A149" s="3" t="s">
        <v>988</v>
      </c>
      <c r="B149" s="4" t="s">
        <v>574</v>
      </c>
      <c r="C149" s="3" t="s">
        <v>575</v>
      </c>
      <c r="D149" s="5" t="s">
        <v>45</v>
      </c>
      <c r="E149" s="3" t="s">
        <v>1012</v>
      </c>
      <c r="F149" s="3" t="s">
        <v>1205</v>
      </c>
      <c r="G149" s="3" t="s">
        <v>104</v>
      </c>
      <c r="H149" s="3" t="s">
        <v>64</v>
      </c>
      <c r="I149" s="3" t="s">
        <v>1014</v>
      </c>
      <c r="J149" s="3" t="s">
        <v>1206</v>
      </c>
      <c r="K149" s="3" t="s">
        <v>32</v>
      </c>
      <c r="L149" s="3" t="s">
        <v>33</v>
      </c>
      <c r="M149" s="3" t="s">
        <v>1016</v>
      </c>
      <c r="N149" s="3" t="s">
        <v>79</v>
      </c>
      <c r="O149" s="3" t="s">
        <v>161</v>
      </c>
      <c r="P149" s="3" t="s">
        <v>37</v>
      </c>
      <c r="Q149" s="3" t="s">
        <v>37</v>
      </c>
      <c r="R149" s="3" t="s">
        <v>38</v>
      </c>
      <c r="S149" s="3" t="s">
        <v>1207</v>
      </c>
      <c r="T149" s="3" t="s">
        <v>37</v>
      </c>
      <c r="U149" s="3" t="s">
        <v>37</v>
      </c>
      <c r="V149" s="3" t="s">
        <v>37</v>
      </c>
    </row>
    <row r="150" spans="1:22" x14ac:dyDescent="0.25">
      <c r="A150" s="3" t="s">
        <v>988</v>
      </c>
      <c r="B150" s="4" t="s">
        <v>574</v>
      </c>
      <c r="C150" s="3" t="s">
        <v>575</v>
      </c>
      <c r="D150" s="5" t="s">
        <v>1286</v>
      </c>
      <c r="E150" s="3" t="s">
        <v>1012</v>
      </c>
      <c r="F150" s="3" t="s">
        <v>1208</v>
      </c>
      <c r="G150" s="3" t="s">
        <v>274</v>
      </c>
      <c r="H150" s="3" t="s">
        <v>64</v>
      </c>
      <c r="I150" s="3" t="s">
        <v>1014</v>
      </c>
      <c r="J150" s="3" t="s">
        <v>1209</v>
      </c>
      <c r="K150" s="3" t="s">
        <v>32</v>
      </c>
      <c r="L150" s="3" t="s">
        <v>33</v>
      </c>
      <c r="M150" s="3" t="s">
        <v>1016</v>
      </c>
      <c r="N150" s="3" t="s">
        <v>79</v>
      </c>
      <c r="O150" s="3" t="s">
        <v>161</v>
      </c>
      <c r="P150" s="3" t="s">
        <v>37</v>
      </c>
      <c r="Q150" s="3" t="s">
        <v>37</v>
      </c>
      <c r="R150" s="3" t="s">
        <v>38</v>
      </c>
      <c r="S150" s="3" t="s">
        <v>1210</v>
      </c>
      <c r="T150" s="3" t="s">
        <v>37</v>
      </c>
      <c r="U150" s="3" t="s">
        <v>37</v>
      </c>
      <c r="V150" s="3" t="s">
        <v>37</v>
      </c>
    </row>
    <row r="151" spans="1:22" x14ac:dyDescent="0.25">
      <c r="A151" s="3" t="s">
        <v>988</v>
      </c>
      <c r="B151" s="4" t="s">
        <v>574</v>
      </c>
      <c r="C151" s="3" t="s">
        <v>575</v>
      </c>
      <c r="D151" s="5" t="s">
        <v>696</v>
      </c>
      <c r="E151" s="3" t="s">
        <v>1012</v>
      </c>
      <c r="F151" s="3" t="s">
        <v>1394</v>
      </c>
      <c r="G151" s="3" t="s">
        <v>233</v>
      </c>
      <c r="H151" s="3" t="s">
        <v>64</v>
      </c>
      <c r="I151" s="3" t="s">
        <v>1014</v>
      </c>
      <c r="J151" s="3" t="s">
        <v>1395</v>
      </c>
      <c r="K151" s="3" t="s">
        <v>32</v>
      </c>
      <c r="L151" s="3" t="s">
        <v>33</v>
      </c>
      <c r="M151" s="3" t="s">
        <v>1016</v>
      </c>
      <c r="N151" s="3" t="s">
        <v>79</v>
      </c>
      <c r="O151" s="3" t="s">
        <v>161</v>
      </c>
      <c r="P151" s="3" t="s">
        <v>37</v>
      </c>
      <c r="Q151" s="3" t="s">
        <v>37</v>
      </c>
      <c r="R151" s="3" t="s">
        <v>38</v>
      </c>
      <c r="S151" s="3" t="s">
        <v>1396</v>
      </c>
      <c r="T151" s="3" t="s">
        <v>37</v>
      </c>
      <c r="U151" s="3" t="s">
        <v>37</v>
      </c>
      <c r="V151" s="3" t="s">
        <v>37</v>
      </c>
    </row>
    <row r="152" spans="1:22" x14ac:dyDescent="0.25">
      <c r="A152" s="3" t="s">
        <v>988</v>
      </c>
      <c r="B152" s="4" t="s">
        <v>574</v>
      </c>
      <c r="C152" s="3" t="s">
        <v>575</v>
      </c>
      <c r="D152" s="5" t="s">
        <v>1006</v>
      </c>
      <c r="E152" s="3" t="s">
        <v>1012</v>
      </c>
      <c r="F152" s="3" t="s">
        <v>1397</v>
      </c>
      <c r="G152" s="3" t="s">
        <v>761</v>
      </c>
      <c r="H152" s="3" t="s">
        <v>64</v>
      </c>
      <c r="I152" s="3" t="s">
        <v>1020</v>
      </c>
      <c r="J152" s="3" t="s">
        <v>1398</v>
      </c>
      <c r="K152" s="3" t="s">
        <v>32</v>
      </c>
      <c r="L152" s="3" t="s">
        <v>33</v>
      </c>
      <c r="M152" s="3" t="s">
        <v>1016</v>
      </c>
      <c r="N152" s="3" t="s">
        <v>79</v>
      </c>
      <c r="O152" s="3" t="s">
        <v>161</v>
      </c>
      <c r="P152" s="3" t="s">
        <v>37</v>
      </c>
      <c r="Q152" s="3" t="s">
        <v>37</v>
      </c>
      <c r="R152" s="3" t="s">
        <v>38</v>
      </c>
      <c r="S152" s="3" t="s">
        <v>1399</v>
      </c>
      <c r="T152" s="3" t="s">
        <v>37</v>
      </c>
      <c r="U152" s="3" t="s">
        <v>37</v>
      </c>
      <c r="V152" s="3" t="s">
        <v>37</v>
      </c>
    </row>
    <row r="153" spans="1:22" x14ac:dyDescent="0.25">
      <c r="A153" s="3" t="s">
        <v>988</v>
      </c>
      <c r="B153" s="4" t="s">
        <v>574</v>
      </c>
      <c r="C153" s="3" t="s">
        <v>575</v>
      </c>
      <c r="D153" s="5" t="s">
        <v>1296</v>
      </c>
      <c r="E153" s="3" t="s">
        <v>1012</v>
      </c>
      <c r="F153" s="3" t="s">
        <v>1400</v>
      </c>
      <c r="G153" s="3" t="s">
        <v>475</v>
      </c>
      <c r="H153" s="3" t="s">
        <v>64</v>
      </c>
      <c r="I153" s="3" t="s">
        <v>1014</v>
      </c>
      <c r="J153" s="8" t="s">
        <v>1298</v>
      </c>
      <c r="K153" s="3" t="s">
        <v>32</v>
      </c>
      <c r="L153" s="3" t="s">
        <v>33</v>
      </c>
      <c r="M153" s="3" t="s">
        <v>1016</v>
      </c>
      <c r="N153" s="3" t="s">
        <v>79</v>
      </c>
      <c r="O153" s="3" t="s">
        <v>161</v>
      </c>
      <c r="P153" s="3" t="s">
        <v>37</v>
      </c>
      <c r="Q153" s="3" t="s">
        <v>37</v>
      </c>
      <c r="R153" s="3" t="s">
        <v>38</v>
      </c>
      <c r="S153" s="3" t="s">
        <v>1401</v>
      </c>
      <c r="T153" s="3" t="s">
        <v>37</v>
      </c>
      <c r="U153" s="3" t="s">
        <v>37</v>
      </c>
      <c r="V153" s="3" t="s">
        <v>37</v>
      </c>
    </row>
    <row r="154" spans="1:22" x14ac:dyDescent="0.25">
      <c r="A154" s="3" t="s">
        <v>988</v>
      </c>
      <c r="B154" s="4" t="s">
        <v>574</v>
      </c>
      <c r="C154" s="3" t="s">
        <v>575</v>
      </c>
      <c r="D154" s="5" t="s">
        <v>1300</v>
      </c>
      <c r="E154" s="3" t="s">
        <v>1012</v>
      </c>
      <c r="F154" s="3" t="s">
        <v>1402</v>
      </c>
      <c r="G154" s="3" t="s">
        <v>480</v>
      </c>
      <c r="H154" s="3" t="s">
        <v>64</v>
      </c>
      <c r="I154" s="3" t="s">
        <v>1020</v>
      </c>
      <c r="J154" s="8" t="s">
        <v>1298</v>
      </c>
      <c r="K154" s="3" t="s">
        <v>32</v>
      </c>
      <c r="L154" s="3" t="s">
        <v>33</v>
      </c>
      <c r="M154" s="3" t="s">
        <v>1016</v>
      </c>
      <c r="N154" s="3" t="s">
        <v>79</v>
      </c>
      <c r="O154" s="3" t="s">
        <v>161</v>
      </c>
      <c r="P154" s="3" t="s">
        <v>37</v>
      </c>
      <c r="Q154" s="3" t="s">
        <v>37</v>
      </c>
      <c r="R154" s="3" t="s">
        <v>38</v>
      </c>
      <c r="S154" s="3" t="s">
        <v>1403</v>
      </c>
      <c r="T154" s="3" t="s">
        <v>37</v>
      </c>
      <c r="U154" s="3" t="s">
        <v>37</v>
      </c>
      <c r="V154" s="3" t="s">
        <v>37</v>
      </c>
    </row>
    <row r="155" spans="1:22" x14ac:dyDescent="0.25">
      <c r="A155" s="3" t="s">
        <v>988</v>
      </c>
      <c r="B155" s="4" t="s">
        <v>574</v>
      </c>
      <c r="C155" s="3" t="s">
        <v>575</v>
      </c>
      <c r="D155" s="5" t="s">
        <v>1011</v>
      </c>
      <c r="E155" s="3" t="s">
        <v>540</v>
      </c>
      <c r="F155" s="3" t="s">
        <v>669</v>
      </c>
      <c r="G155" s="3" t="s">
        <v>233</v>
      </c>
      <c r="H155" s="3" t="s">
        <v>29</v>
      </c>
      <c r="I155" s="3" t="s">
        <v>670</v>
      </c>
      <c r="J155" s="3" t="s">
        <v>1163</v>
      </c>
      <c r="K155" s="3" t="s">
        <v>32</v>
      </c>
      <c r="L155" s="3" t="s">
        <v>33</v>
      </c>
      <c r="M155" s="3" t="s">
        <v>34</v>
      </c>
      <c r="N155" s="3" t="s">
        <v>160</v>
      </c>
      <c r="O155" s="3" t="s">
        <v>80</v>
      </c>
      <c r="P155" s="3" t="s">
        <v>37</v>
      </c>
      <c r="Q155" s="3" t="s">
        <v>37</v>
      </c>
      <c r="R155" s="3" t="s">
        <v>38</v>
      </c>
      <c r="S155" s="3" t="s">
        <v>672</v>
      </c>
      <c r="T155" s="3" t="s">
        <v>37</v>
      </c>
      <c r="U155" s="3" t="s">
        <v>37</v>
      </c>
      <c r="V155" s="3" t="s">
        <v>37</v>
      </c>
    </row>
    <row r="156" spans="1:22" x14ac:dyDescent="0.25">
      <c r="A156" s="3" t="s">
        <v>988</v>
      </c>
      <c r="B156" s="4" t="s">
        <v>574</v>
      </c>
      <c r="C156" s="3" t="s">
        <v>575</v>
      </c>
      <c r="D156" s="5" t="s">
        <v>1026</v>
      </c>
      <c r="E156" s="3" t="s">
        <v>540</v>
      </c>
      <c r="F156" s="3" t="s">
        <v>1404</v>
      </c>
      <c r="G156" s="3" t="s">
        <v>348</v>
      </c>
      <c r="H156" s="3" t="s">
        <v>77</v>
      </c>
      <c r="I156" s="3" t="s">
        <v>670</v>
      </c>
      <c r="J156" s="3" t="s">
        <v>1405</v>
      </c>
      <c r="K156" s="3" t="s">
        <v>32</v>
      </c>
      <c r="L156" s="3" t="s">
        <v>33</v>
      </c>
      <c r="M156" s="3" t="s">
        <v>34</v>
      </c>
      <c r="N156" s="3" t="s">
        <v>79</v>
      </c>
      <c r="O156" s="3" t="s">
        <v>80</v>
      </c>
      <c r="P156" s="3" t="s">
        <v>37</v>
      </c>
      <c r="Q156" s="3" t="s">
        <v>37</v>
      </c>
      <c r="R156" s="3" t="s">
        <v>38</v>
      </c>
      <c r="S156" s="3" t="s">
        <v>1406</v>
      </c>
      <c r="T156" s="3" t="s">
        <v>37</v>
      </c>
      <c r="U156" s="3" t="s">
        <v>37</v>
      </c>
      <c r="V156" s="3" t="s">
        <v>37</v>
      </c>
    </row>
    <row r="157" spans="1:22" x14ac:dyDescent="0.25">
      <c r="A157" s="3" t="s">
        <v>988</v>
      </c>
      <c r="B157" s="4" t="s">
        <v>574</v>
      </c>
      <c r="C157" s="3" t="s">
        <v>575</v>
      </c>
      <c r="D157" s="5" t="s">
        <v>1037</v>
      </c>
      <c r="E157" s="3" t="s">
        <v>1407</v>
      </c>
      <c r="F157" s="3" t="s">
        <v>37</v>
      </c>
      <c r="G157" s="3">
        <v>1</v>
      </c>
      <c r="H157" s="3">
        <v>0</v>
      </c>
      <c r="I157" s="3" t="s">
        <v>1408</v>
      </c>
      <c r="J157" s="3" t="s">
        <v>1409</v>
      </c>
      <c r="K157" s="3" t="s">
        <v>1060</v>
      </c>
      <c r="L157" s="3" t="s">
        <v>33</v>
      </c>
      <c r="M157" s="3" t="s">
        <v>66</v>
      </c>
      <c r="N157" s="3" t="s">
        <v>71</v>
      </c>
      <c r="O157" s="3" t="s">
        <v>1147</v>
      </c>
      <c r="P157" s="3" t="s">
        <v>37</v>
      </c>
      <c r="Q157" s="3" t="s">
        <v>37</v>
      </c>
      <c r="R157" s="3" t="s">
        <v>38</v>
      </c>
      <c r="S157" s="3" t="s">
        <v>1410</v>
      </c>
      <c r="T157" s="3" t="s">
        <v>37</v>
      </c>
      <c r="U157" s="3" t="s">
        <v>37</v>
      </c>
      <c r="V157" s="3" t="s">
        <v>37</v>
      </c>
    </row>
    <row r="158" spans="1:22" x14ac:dyDescent="0.25">
      <c r="A158" s="3" t="s">
        <v>988</v>
      </c>
      <c r="B158" s="4" t="s">
        <v>574</v>
      </c>
      <c r="C158" s="3" t="s">
        <v>575</v>
      </c>
      <c r="D158" s="5" t="s">
        <v>1048</v>
      </c>
      <c r="E158" s="3" t="s">
        <v>1007</v>
      </c>
      <c r="F158" s="3" t="s">
        <v>1411</v>
      </c>
      <c r="G158" s="3" t="s">
        <v>380</v>
      </c>
      <c r="H158" s="3" t="s">
        <v>64</v>
      </c>
      <c r="I158" s="3" t="s">
        <v>37</v>
      </c>
      <c r="J158" s="3" t="s">
        <v>1412</v>
      </c>
      <c r="K158" s="3" t="s">
        <v>32</v>
      </c>
      <c r="L158" s="3" t="s">
        <v>33</v>
      </c>
      <c r="M158" s="3" t="s">
        <v>66</v>
      </c>
      <c r="N158" s="3" t="s">
        <v>67</v>
      </c>
      <c r="O158" s="3" t="s">
        <v>52</v>
      </c>
      <c r="P158" s="3" t="s">
        <v>37</v>
      </c>
      <c r="Q158" s="3" t="s">
        <v>37</v>
      </c>
      <c r="R158" s="3" t="s">
        <v>38</v>
      </c>
      <c r="S158" s="3" t="s">
        <v>1413</v>
      </c>
      <c r="T158" s="3" t="s">
        <v>37</v>
      </c>
      <c r="U158" s="3" t="s">
        <v>37</v>
      </c>
      <c r="V158" s="3" t="s">
        <v>37</v>
      </c>
    </row>
    <row r="159" spans="1:22" x14ac:dyDescent="0.25">
      <c r="A159" s="3" t="s">
        <v>988</v>
      </c>
      <c r="B159" s="4" t="s">
        <v>574</v>
      </c>
      <c r="C159" s="3" t="s">
        <v>575</v>
      </c>
      <c r="D159" s="5" t="s">
        <v>1053</v>
      </c>
      <c r="E159" s="3" t="s">
        <v>1007</v>
      </c>
      <c r="F159" s="3" t="s">
        <v>1414</v>
      </c>
      <c r="G159" s="3" t="s">
        <v>213</v>
      </c>
      <c r="H159" s="3" t="s">
        <v>64</v>
      </c>
      <c r="I159" s="3" t="s">
        <v>37</v>
      </c>
      <c r="J159" s="3" t="s">
        <v>1415</v>
      </c>
      <c r="K159" s="3" t="s">
        <v>32</v>
      </c>
      <c r="L159" s="3" t="s">
        <v>33</v>
      </c>
      <c r="M159" s="3" t="s">
        <v>66</v>
      </c>
      <c r="N159" s="3" t="s">
        <v>67</v>
      </c>
      <c r="O159" s="3" t="s">
        <v>52</v>
      </c>
      <c r="P159" s="3" t="s">
        <v>37</v>
      </c>
      <c r="Q159" s="3" t="s">
        <v>37</v>
      </c>
      <c r="R159" s="3" t="s">
        <v>38</v>
      </c>
      <c r="S159" s="3" t="s">
        <v>1416</v>
      </c>
      <c r="T159" s="3" t="s">
        <v>37</v>
      </c>
      <c r="U159" s="3" t="s">
        <v>37</v>
      </c>
      <c r="V159" s="3" t="s">
        <v>37</v>
      </c>
    </row>
    <row r="160" spans="1:22" x14ac:dyDescent="0.25">
      <c r="A160" s="3" t="s">
        <v>988</v>
      </c>
      <c r="B160" s="4" t="s">
        <v>574</v>
      </c>
      <c r="C160" s="3" t="s">
        <v>575</v>
      </c>
      <c r="D160" s="5" t="s">
        <v>107</v>
      </c>
      <c r="E160" s="3" t="s">
        <v>1007</v>
      </c>
      <c r="F160" s="3" t="s">
        <v>1417</v>
      </c>
      <c r="G160" s="3" t="s">
        <v>89</v>
      </c>
      <c r="H160" s="3" t="s">
        <v>64</v>
      </c>
      <c r="I160" s="3" t="s">
        <v>37</v>
      </c>
      <c r="J160" s="3" t="s">
        <v>1418</v>
      </c>
      <c r="K160" s="3" t="s">
        <v>32</v>
      </c>
      <c r="L160" s="3" t="s">
        <v>33</v>
      </c>
      <c r="M160" s="3" t="s">
        <v>66</v>
      </c>
      <c r="N160" s="3" t="s">
        <v>67</v>
      </c>
      <c r="O160" s="3" t="s">
        <v>52</v>
      </c>
      <c r="P160" s="3" t="s">
        <v>37</v>
      </c>
      <c r="Q160" s="3" t="s">
        <v>37</v>
      </c>
      <c r="R160" s="3" t="s">
        <v>38</v>
      </c>
      <c r="S160" s="3" t="s">
        <v>1419</v>
      </c>
      <c r="T160" s="3" t="s">
        <v>37</v>
      </c>
      <c r="U160" s="3" t="s">
        <v>37</v>
      </c>
      <c r="V160" s="3" t="s">
        <v>37</v>
      </c>
    </row>
    <row r="161" spans="1:22" x14ac:dyDescent="0.25">
      <c r="A161" s="3" t="s">
        <v>988</v>
      </c>
      <c r="B161" s="4" t="s">
        <v>574</v>
      </c>
      <c r="C161" s="3" t="s">
        <v>575</v>
      </c>
      <c r="D161" s="5" t="s">
        <v>1318</v>
      </c>
      <c r="E161" s="3" t="s">
        <v>1007</v>
      </c>
      <c r="F161" s="3" t="s">
        <v>1054</v>
      </c>
      <c r="G161" s="3" t="s">
        <v>70</v>
      </c>
      <c r="H161" s="3" t="s">
        <v>64</v>
      </c>
      <c r="I161" s="3" t="s">
        <v>37</v>
      </c>
      <c r="J161" s="3" t="s">
        <v>1055</v>
      </c>
      <c r="K161" s="3" t="s">
        <v>32</v>
      </c>
      <c r="L161" s="3" t="s">
        <v>33</v>
      </c>
      <c r="M161" s="3" t="s">
        <v>66</v>
      </c>
      <c r="N161" s="3" t="s">
        <v>67</v>
      </c>
      <c r="O161" s="3" t="s">
        <v>52</v>
      </c>
      <c r="P161" s="3" t="s">
        <v>37</v>
      </c>
      <c r="Q161" s="3" t="s">
        <v>37</v>
      </c>
      <c r="R161" s="3" t="s">
        <v>38</v>
      </c>
      <c r="S161" s="3" t="s">
        <v>1056</v>
      </c>
      <c r="T161" s="3" t="s">
        <v>37</v>
      </c>
      <c r="U161" s="3" t="s">
        <v>37</v>
      </c>
      <c r="V161" s="3" t="s">
        <v>37</v>
      </c>
    </row>
    <row r="162" spans="1:22" x14ac:dyDescent="0.25">
      <c r="A162" s="3" t="s">
        <v>988</v>
      </c>
      <c r="B162" s="4" t="s">
        <v>574</v>
      </c>
      <c r="C162" s="3" t="s">
        <v>575</v>
      </c>
      <c r="D162" s="5" t="s">
        <v>1062</v>
      </c>
      <c r="E162" s="3" t="s">
        <v>540</v>
      </c>
      <c r="F162" s="3" t="s">
        <v>760</v>
      </c>
      <c r="G162" s="3" t="s">
        <v>761</v>
      </c>
      <c r="H162" s="3" t="s">
        <v>29</v>
      </c>
      <c r="I162" s="3" t="s">
        <v>670</v>
      </c>
      <c r="J162" s="3" t="s">
        <v>1164</v>
      </c>
      <c r="K162" s="3" t="s">
        <v>32</v>
      </c>
      <c r="L162" s="3" t="s">
        <v>37</v>
      </c>
      <c r="M162" s="3" t="s">
        <v>34</v>
      </c>
      <c r="N162" s="3" t="s">
        <v>160</v>
      </c>
      <c r="O162" s="3" t="s">
        <v>80</v>
      </c>
      <c r="P162" s="3" t="s">
        <v>37</v>
      </c>
      <c r="Q162" s="3" t="s">
        <v>37</v>
      </c>
      <c r="R162" s="3" t="s">
        <v>38</v>
      </c>
      <c r="S162" s="3" t="s">
        <v>763</v>
      </c>
      <c r="T162" s="3" t="s">
        <v>37</v>
      </c>
      <c r="U162" s="3" t="s">
        <v>37</v>
      </c>
      <c r="V162" s="3" t="s">
        <v>37</v>
      </c>
    </row>
    <row r="163" spans="1:22" x14ac:dyDescent="0.25">
      <c r="A163" s="3" t="s">
        <v>988</v>
      </c>
      <c r="B163" s="4" t="s">
        <v>574</v>
      </c>
      <c r="C163" s="3" t="s">
        <v>575</v>
      </c>
      <c r="D163" s="5" t="s">
        <v>483</v>
      </c>
      <c r="E163" s="3" t="s">
        <v>540</v>
      </c>
      <c r="F163" s="3" t="s">
        <v>764</v>
      </c>
      <c r="G163" s="3" t="s">
        <v>475</v>
      </c>
      <c r="H163" s="3" t="s">
        <v>29</v>
      </c>
      <c r="I163" s="3" t="s">
        <v>670</v>
      </c>
      <c r="J163" s="3" t="s">
        <v>1255</v>
      </c>
      <c r="K163" s="3" t="s">
        <v>32</v>
      </c>
      <c r="L163" s="3" t="s">
        <v>37</v>
      </c>
      <c r="M163" s="3" t="s">
        <v>34</v>
      </c>
      <c r="N163" s="3" t="s">
        <v>160</v>
      </c>
      <c r="O163" s="3" t="s">
        <v>80</v>
      </c>
      <c r="P163" s="3" t="s">
        <v>37</v>
      </c>
      <c r="Q163" s="3" t="s">
        <v>37</v>
      </c>
      <c r="R163" s="3" t="s">
        <v>38</v>
      </c>
      <c r="S163" s="3" t="s">
        <v>766</v>
      </c>
      <c r="T163" s="3" t="s">
        <v>37</v>
      </c>
      <c r="U163" s="3" t="s">
        <v>37</v>
      </c>
      <c r="V163" s="3" t="s">
        <v>37</v>
      </c>
    </row>
    <row r="164" spans="1:22" x14ac:dyDescent="0.25">
      <c r="A164" s="3" t="s">
        <v>988</v>
      </c>
      <c r="B164" s="4" t="s">
        <v>574</v>
      </c>
      <c r="C164" s="3" t="s">
        <v>575</v>
      </c>
      <c r="D164" s="5" t="s">
        <v>130</v>
      </c>
      <c r="E164" s="3" t="s">
        <v>540</v>
      </c>
      <c r="F164" s="3" t="s">
        <v>1256</v>
      </c>
      <c r="G164" s="3" t="s">
        <v>480</v>
      </c>
      <c r="H164" s="3" t="s">
        <v>29</v>
      </c>
      <c r="I164" s="3" t="s">
        <v>670</v>
      </c>
      <c r="J164" s="3" t="s">
        <v>1257</v>
      </c>
      <c r="K164" s="3" t="s">
        <v>32</v>
      </c>
      <c r="L164" s="3" t="s">
        <v>37</v>
      </c>
      <c r="M164" s="3" t="s">
        <v>34</v>
      </c>
      <c r="N164" s="3" t="s">
        <v>160</v>
      </c>
      <c r="O164" s="3" t="s">
        <v>80</v>
      </c>
      <c r="P164" s="3" t="s">
        <v>37</v>
      </c>
      <c r="Q164" s="3" t="s">
        <v>37</v>
      </c>
      <c r="R164" s="3" t="s">
        <v>38</v>
      </c>
      <c r="S164" s="3" t="s">
        <v>1258</v>
      </c>
      <c r="T164" s="3" t="s">
        <v>37</v>
      </c>
      <c r="U164" s="3" t="s">
        <v>37</v>
      </c>
      <c r="V164" s="3" t="s">
        <v>37</v>
      </c>
    </row>
    <row r="165" spans="1:22" x14ac:dyDescent="0.25">
      <c r="A165" s="3" t="s">
        <v>988</v>
      </c>
      <c r="B165" s="4" t="s">
        <v>574</v>
      </c>
      <c r="C165" s="3" t="s">
        <v>575</v>
      </c>
      <c r="D165" s="5" t="s">
        <v>495</v>
      </c>
      <c r="E165" s="3" t="s">
        <v>540</v>
      </c>
      <c r="F165" s="3" t="s">
        <v>1420</v>
      </c>
      <c r="G165" s="3" t="s">
        <v>222</v>
      </c>
      <c r="H165" s="3" t="s">
        <v>64</v>
      </c>
      <c r="I165" s="3" t="s">
        <v>1421</v>
      </c>
      <c r="J165" s="3" t="s">
        <v>1422</v>
      </c>
      <c r="K165" s="3" t="s">
        <v>32</v>
      </c>
      <c r="L165" s="3" t="s">
        <v>544</v>
      </c>
      <c r="M165" s="3" t="s">
        <v>34</v>
      </c>
      <c r="N165" s="3" t="s">
        <v>35</v>
      </c>
      <c r="O165" s="3" t="s">
        <v>80</v>
      </c>
      <c r="P165" s="3" t="s">
        <v>37</v>
      </c>
      <c r="Q165" s="3" t="s">
        <v>37</v>
      </c>
      <c r="R165" s="3" t="s">
        <v>38</v>
      </c>
      <c r="S165" s="3" t="s">
        <v>1423</v>
      </c>
      <c r="T165" s="3" t="s">
        <v>37</v>
      </c>
      <c r="U165" s="3" t="s">
        <v>37</v>
      </c>
      <c r="V165" s="3" t="s">
        <v>37</v>
      </c>
    </row>
    <row r="166" spans="1:22" x14ac:dyDescent="0.25">
      <c r="A166" s="3" t="s">
        <v>988</v>
      </c>
      <c r="B166" s="4" t="s">
        <v>574</v>
      </c>
      <c r="C166" s="3" t="s">
        <v>575</v>
      </c>
      <c r="D166" s="5" t="s">
        <v>140</v>
      </c>
      <c r="E166" s="3" t="s">
        <v>1012</v>
      </c>
      <c r="F166" s="3" t="s">
        <v>1063</v>
      </c>
      <c r="G166" s="3" t="s">
        <v>28</v>
      </c>
      <c r="H166" s="3" t="s">
        <v>64</v>
      </c>
      <c r="I166" s="3" t="s">
        <v>1014</v>
      </c>
      <c r="J166" s="3" t="s">
        <v>1064</v>
      </c>
      <c r="K166" s="3" t="s">
        <v>32</v>
      </c>
      <c r="L166" s="3" t="s">
        <v>33</v>
      </c>
      <c r="M166" s="3" t="s">
        <v>1016</v>
      </c>
      <c r="N166" s="3" t="s">
        <v>79</v>
      </c>
      <c r="O166" s="3" t="s">
        <v>161</v>
      </c>
      <c r="P166" s="3" t="s">
        <v>37</v>
      </c>
      <c r="Q166" s="3" t="s">
        <v>37</v>
      </c>
      <c r="R166" s="3" t="s">
        <v>38</v>
      </c>
      <c r="S166" s="3" t="s">
        <v>1065</v>
      </c>
      <c r="T166" s="3" t="s">
        <v>37</v>
      </c>
      <c r="U166" s="3" t="s">
        <v>37</v>
      </c>
      <c r="V166" s="3" t="s">
        <v>37</v>
      </c>
    </row>
    <row r="167" spans="1:22" x14ac:dyDescent="0.25">
      <c r="A167" s="3" t="s">
        <v>988</v>
      </c>
      <c r="B167" s="4" t="s">
        <v>574</v>
      </c>
      <c r="C167" s="3" t="s">
        <v>575</v>
      </c>
      <c r="D167" s="5" t="s">
        <v>738</v>
      </c>
      <c r="E167" s="3" t="s">
        <v>1012</v>
      </c>
      <c r="F167" s="3" t="s">
        <v>1066</v>
      </c>
      <c r="G167" s="3" t="s">
        <v>42</v>
      </c>
      <c r="H167" s="3" t="s">
        <v>64</v>
      </c>
      <c r="I167" s="3" t="s">
        <v>1014</v>
      </c>
      <c r="J167" s="3" t="s">
        <v>1067</v>
      </c>
      <c r="K167" s="3" t="s">
        <v>32</v>
      </c>
      <c r="L167" s="3" t="s">
        <v>33</v>
      </c>
      <c r="M167" s="3" t="s">
        <v>1016</v>
      </c>
      <c r="N167" s="3" t="s">
        <v>79</v>
      </c>
      <c r="O167" s="3" t="s">
        <v>161</v>
      </c>
      <c r="P167" s="3" t="s">
        <v>37</v>
      </c>
      <c r="Q167" s="3" t="s">
        <v>37</v>
      </c>
      <c r="R167" s="3" t="s">
        <v>38</v>
      </c>
      <c r="S167" s="3" t="s">
        <v>1068</v>
      </c>
      <c r="T167" s="3" t="s">
        <v>37</v>
      </c>
      <c r="U167" s="3" t="s">
        <v>37</v>
      </c>
      <c r="V167" s="3" t="s">
        <v>37</v>
      </c>
    </row>
    <row r="168" spans="1:22" x14ac:dyDescent="0.25">
      <c r="A168" s="3" t="s">
        <v>988</v>
      </c>
      <c r="B168" s="4" t="s">
        <v>574</v>
      </c>
      <c r="C168" s="3" t="s">
        <v>575</v>
      </c>
      <c r="D168" s="5" t="s">
        <v>1109</v>
      </c>
      <c r="E168" s="3" t="s">
        <v>1012</v>
      </c>
      <c r="F168" s="3" t="s">
        <v>1069</v>
      </c>
      <c r="G168" s="3" t="s">
        <v>132</v>
      </c>
      <c r="H168" s="3" t="s">
        <v>64</v>
      </c>
      <c r="I168" s="3" t="s">
        <v>1020</v>
      </c>
      <c r="J168" s="3" t="s">
        <v>1070</v>
      </c>
      <c r="K168" s="3" t="s">
        <v>32</v>
      </c>
      <c r="L168" s="3" t="s">
        <v>33</v>
      </c>
      <c r="M168" s="3" t="s">
        <v>1016</v>
      </c>
      <c r="N168" s="3" t="s">
        <v>79</v>
      </c>
      <c r="O168" s="3" t="s">
        <v>161</v>
      </c>
      <c r="P168" s="3" t="s">
        <v>37</v>
      </c>
      <c r="Q168" s="3" t="s">
        <v>37</v>
      </c>
      <c r="R168" s="3" t="s">
        <v>38</v>
      </c>
      <c r="S168" s="3" t="s">
        <v>1071</v>
      </c>
      <c r="T168" s="3" t="s">
        <v>37</v>
      </c>
      <c r="U168" s="3" t="s">
        <v>37</v>
      </c>
      <c r="V168" s="3" t="s">
        <v>37</v>
      </c>
    </row>
    <row r="169" spans="1:22" x14ac:dyDescent="0.25">
      <c r="A169" s="3" t="s">
        <v>988</v>
      </c>
      <c r="B169" s="4" t="s">
        <v>574</v>
      </c>
      <c r="C169" s="3" t="s">
        <v>575</v>
      </c>
      <c r="D169" s="5" t="s">
        <v>503</v>
      </c>
      <c r="E169" s="3" t="s">
        <v>1012</v>
      </c>
      <c r="F169" s="3" t="s">
        <v>1072</v>
      </c>
      <c r="G169" s="3" t="s">
        <v>137</v>
      </c>
      <c r="H169" s="3" t="s">
        <v>64</v>
      </c>
      <c r="I169" s="3" t="s">
        <v>1020</v>
      </c>
      <c r="J169" s="3" t="s">
        <v>1073</v>
      </c>
      <c r="K169" s="3" t="s">
        <v>32</v>
      </c>
      <c r="L169" s="3" t="s">
        <v>33</v>
      </c>
      <c r="M169" s="3" t="s">
        <v>1016</v>
      </c>
      <c r="N169" s="3" t="s">
        <v>79</v>
      </c>
      <c r="O169" s="3" t="s">
        <v>161</v>
      </c>
      <c r="P169" s="3" t="s">
        <v>37</v>
      </c>
      <c r="Q169" s="3" t="s">
        <v>37</v>
      </c>
      <c r="R169" s="3" t="s">
        <v>38</v>
      </c>
      <c r="S169" s="3" t="s">
        <v>1074</v>
      </c>
      <c r="T169" s="3" t="s">
        <v>37</v>
      </c>
      <c r="U169" s="3" t="s">
        <v>37</v>
      </c>
      <c r="V169" s="3" t="s">
        <v>37</v>
      </c>
    </row>
    <row r="170" spans="1:22" x14ac:dyDescent="0.25">
      <c r="A170" s="3" t="s">
        <v>988</v>
      </c>
      <c r="B170" s="4" t="s">
        <v>574</v>
      </c>
      <c r="C170" s="3" t="s">
        <v>575</v>
      </c>
      <c r="D170" s="5" t="s">
        <v>1116</v>
      </c>
      <c r="E170" s="3" t="s">
        <v>1012</v>
      </c>
      <c r="F170" s="3" t="s">
        <v>1075</v>
      </c>
      <c r="G170" s="3" t="s">
        <v>265</v>
      </c>
      <c r="H170" s="3" t="s">
        <v>64</v>
      </c>
      <c r="I170" s="3" t="s">
        <v>1020</v>
      </c>
      <c r="J170" s="3" t="s">
        <v>1076</v>
      </c>
      <c r="K170" s="3" t="s">
        <v>32</v>
      </c>
      <c r="L170" s="3" t="s">
        <v>33</v>
      </c>
      <c r="M170" s="3" t="s">
        <v>1016</v>
      </c>
      <c r="N170" s="3" t="s">
        <v>79</v>
      </c>
      <c r="O170" s="3" t="s">
        <v>161</v>
      </c>
      <c r="P170" s="3" t="s">
        <v>37</v>
      </c>
      <c r="Q170" s="3" t="s">
        <v>37</v>
      </c>
      <c r="R170" s="3" t="s">
        <v>38</v>
      </c>
      <c r="S170" s="3" t="s">
        <v>1077</v>
      </c>
      <c r="T170" s="3" t="s">
        <v>37</v>
      </c>
      <c r="U170" s="3" t="s">
        <v>37</v>
      </c>
      <c r="V170" s="3" t="s">
        <v>37</v>
      </c>
    </row>
    <row r="171" spans="1:22" x14ac:dyDescent="0.25">
      <c r="A171" s="3" t="s">
        <v>988</v>
      </c>
      <c r="B171" s="4" t="s">
        <v>574</v>
      </c>
      <c r="C171" s="3" t="s">
        <v>575</v>
      </c>
      <c r="D171" s="5" t="s">
        <v>152</v>
      </c>
      <c r="E171" s="3" t="s">
        <v>1012</v>
      </c>
      <c r="F171" s="3" t="s">
        <v>1079</v>
      </c>
      <c r="G171" s="3" t="s">
        <v>408</v>
      </c>
      <c r="H171" s="3" t="s">
        <v>64</v>
      </c>
      <c r="I171" s="3" t="s">
        <v>1014</v>
      </c>
      <c r="J171" s="3" t="s">
        <v>1080</v>
      </c>
      <c r="K171" s="3" t="s">
        <v>32</v>
      </c>
      <c r="L171" s="3" t="s">
        <v>33</v>
      </c>
      <c r="M171" s="3" t="s">
        <v>1016</v>
      </c>
      <c r="N171" s="3" t="s">
        <v>79</v>
      </c>
      <c r="O171" s="3" t="s">
        <v>161</v>
      </c>
      <c r="P171" s="3" t="s">
        <v>37</v>
      </c>
      <c r="Q171" s="3" t="s">
        <v>37</v>
      </c>
      <c r="R171" s="3" t="s">
        <v>38</v>
      </c>
      <c r="S171" s="3" t="s">
        <v>1081</v>
      </c>
      <c r="T171" s="3" t="s">
        <v>37</v>
      </c>
      <c r="U171" s="3" t="s">
        <v>37</v>
      </c>
      <c r="V171" s="3" t="s">
        <v>37</v>
      </c>
    </row>
    <row r="172" spans="1:22" x14ac:dyDescent="0.25">
      <c r="A172" s="3" t="s">
        <v>988</v>
      </c>
      <c r="B172" s="4" t="s">
        <v>574</v>
      </c>
      <c r="C172" s="3" t="s">
        <v>575</v>
      </c>
      <c r="D172" s="5" t="s">
        <v>154</v>
      </c>
      <c r="E172" s="3" t="s">
        <v>1012</v>
      </c>
      <c r="F172" s="3" t="s">
        <v>1082</v>
      </c>
      <c r="G172" s="3" t="s">
        <v>412</v>
      </c>
      <c r="H172" s="3" t="s">
        <v>64</v>
      </c>
      <c r="I172" s="3" t="s">
        <v>1020</v>
      </c>
      <c r="J172" s="3" t="s">
        <v>1083</v>
      </c>
      <c r="K172" s="3" t="s">
        <v>32</v>
      </c>
      <c r="L172" s="3" t="s">
        <v>33</v>
      </c>
      <c r="M172" s="3" t="s">
        <v>1016</v>
      </c>
      <c r="N172" s="3" t="s">
        <v>79</v>
      </c>
      <c r="O172" s="3" t="s">
        <v>161</v>
      </c>
      <c r="P172" s="3" t="s">
        <v>37</v>
      </c>
      <c r="Q172" s="3" t="s">
        <v>37</v>
      </c>
      <c r="R172" s="3" t="s">
        <v>38</v>
      </c>
      <c r="S172" s="3" t="s">
        <v>1084</v>
      </c>
      <c r="T172" s="3" t="s">
        <v>37</v>
      </c>
      <c r="U172" s="3" t="s">
        <v>37</v>
      </c>
      <c r="V172" s="3" t="s">
        <v>37</v>
      </c>
    </row>
    <row r="173" spans="1:22" x14ac:dyDescent="0.25">
      <c r="A173" s="3" t="s">
        <v>988</v>
      </c>
      <c r="B173" s="4" t="s">
        <v>574</v>
      </c>
      <c r="C173" s="3" t="s">
        <v>575</v>
      </c>
      <c r="D173" s="5" t="s">
        <v>1336</v>
      </c>
      <c r="E173" s="3" t="s">
        <v>1012</v>
      </c>
      <c r="F173" s="3" t="s">
        <v>1085</v>
      </c>
      <c r="G173" s="3" t="s">
        <v>195</v>
      </c>
      <c r="H173" s="3" t="s">
        <v>64</v>
      </c>
      <c r="I173" s="3" t="s">
        <v>1020</v>
      </c>
      <c r="J173" s="3" t="s">
        <v>1086</v>
      </c>
      <c r="K173" s="3" t="s">
        <v>32</v>
      </c>
      <c r="L173" s="3" t="s">
        <v>33</v>
      </c>
      <c r="M173" s="3" t="s">
        <v>1016</v>
      </c>
      <c r="N173" s="3" t="s">
        <v>79</v>
      </c>
      <c r="O173" s="3" t="s">
        <v>161</v>
      </c>
      <c r="P173" s="3" t="s">
        <v>37</v>
      </c>
      <c r="Q173" s="3" t="s">
        <v>37</v>
      </c>
      <c r="R173" s="3" t="s">
        <v>38</v>
      </c>
      <c r="S173" s="3" t="s">
        <v>1087</v>
      </c>
      <c r="T173" s="3" t="s">
        <v>37</v>
      </c>
      <c r="U173" s="3" t="s">
        <v>37</v>
      </c>
      <c r="V173" s="3" t="s">
        <v>37</v>
      </c>
    </row>
    <row r="174" spans="1:22" x14ac:dyDescent="0.25">
      <c r="A174" s="3" t="s">
        <v>988</v>
      </c>
      <c r="B174" s="4" t="s">
        <v>574</v>
      </c>
      <c r="C174" s="3" t="s">
        <v>575</v>
      </c>
      <c r="D174" s="5" t="s">
        <v>1340</v>
      </c>
      <c r="E174" s="3" t="s">
        <v>1012</v>
      </c>
      <c r="F174" s="3" t="s">
        <v>1089</v>
      </c>
      <c r="G174" s="3" t="s">
        <v>422</v>
      </c>
      <c r="H174" s="3" t="s">
        <v>64</v>
      </c>
      <c r="I174" s="3" t="s">
        <v>1014</v>
      </c>
      <c r="J174" s="3" t="s">
        <v>1090</v>
      </c>
      <c r="K174" s="3" t="s">
        <v>32</v>
      </c>
      <c r="L174" s="3" t="s">
        <v>33</v>
      </c>
      <c r="M174" s="3" t="s">
        <v>1016</v>
      </c>
      <c r="N174" s="3" t="s">
        <v>79</v>
      </c>
      <c r="O174" s="3" t="s">
        <v>161</v>
      </c>
      <c r="P174" s="3" t="s">
        <v>37</v>
      </c>
      <c r="Q174" s="3" t="s">
        <v>37</v>
      </c>
      <c r="R174" s="3" t="s">
        <v>38</v>
      </c>
      <c r="S174" s="3" t="s">
        <v>1091</v>
      </c>
      <c r="T174" s="3" t="s">
        <v>37</v>
      </c>
      <c r="U174" s="3" t="s">
        <v>37</v>
      </c>
      <c r="V174" s="3" t="s">
        <v>37</v>
      </c>
    </row>
    <row r="175" spans="1:22" x14ac:dyDescent="0.25">
      <c r="A175" s="3" t="s">
        <v>988</v>
      </c>
      <c r="B175" s="4" t="s">
        <v>574</v>
      </c>
      <c r="C175" s="3" t="s">
        <v>575</v>
      </c>
      <c r="D175" s="5" t="s">
        <v>168</v>
      </c>
      <c r="E175" s="3" t="s">
        <v>1012</v>
      </c>
      <c r="F175" s="3" t="s">
        <v>1092</v>
      </c>
      <c r="G175" s="3" t="s">
        <v>157</v>
      </c>
      <c r="H175" s="3" t="s">
        <v>64</v>
      </c>
      <c r="I175" s="3" t="s">
        <v>1020</v>
      </c>
      <c r="J175" s="3" t="s">
        <v>1093</v>
      </c>
      <c r="K175" s="3" t="s">
        <v>32</v>
      </c>
      <c r="L175" s="3" t="s">
        <v>33</v>
      </c>
      <c r="M175" s="3" t="s">
        <v>1016</v>
      </c>
      <c r="N175" s="3" t="s">
        <v>79</v>
      </c>
      <c r="O175" s="3" t="s">
        <v>161</v>
      </c>
      <c r="P175" s="3" t="s">
        <v>37</v>
      </c>
      <c r="Q175" s="3" t="s">
        <v>37</v>
      </c>
      <c r="R175" s="3" t="s">
        <v>38</v>
      </c>
      <c r="S175" s="3" t="s">
        <v>1094</v>
      </c>
      <c r="T175" s="3" t="s">
        <v>37</v>
      </c>
      <c r="U175" s="3" t="s">
        <v>37</v>
      </c>
      <c r="V175" s="3" t="s">
        <v>37</v>
      </c>
    </row>
    <row r="176" spans="1:22" x14ac:dyDescent="0.25">
      <c r="A176" s="3" t="s">
        <v>988</v>
      </c>
      <c r="B176" s="4" t="s">
        <v>574</v>
      </c>
      <c r="C176" s="3" t="s">
        <v>575</v>
      </c>
      <c r="D176" s="5" t="s">
        <v>1344</v>
      </c>
      <c r="E176" s="3" t="s">
        <v>1012</v>
      </c>
      <c r="F176" s="3" t="s">
        <v>1096</v>
      </c>
      <c r="G176" s="3" t="s">
        <v>165</v>
      </c>
      <c r="H176" s="3" t="s">
        <v>64</v>
      </c>
      <c r="I176" s="3" t="s">
        <v>1020</v>
      </c>
      <c r="J176" s="3" t="s">
        <v>1097</v>
      </c>
      <c r="K176" s="3" t="s">
        <v>32</v>
      </c>
      <c r="L176" s="3" t="s">
        <v>33</v>
      </c>
      <c r="M176" s="3" t="s">
        <v>1016</v>
      </c>
      <c r="N176" s="3" t="s">
        <v>79</v>
      </c>
      <c r="O176" s="3" t="s">
        <v>161</v>
      </c>
      <c r="P176" s="3" t="s">
        <v>37</v>
      </c>
      <c r="Q176" s="3" t="s">
        <v>37</v>
      </c>
      <c r="R176" s="3" t="s">
        <v>38</v>
      </c>
      <c r="S176" s="3" t="s">
        <v>1098</v>
      </c>
      <c r="T176" s="3" t="s">
        <v>37</v>
      </c>
      <c r="U176" s="3" t="s">
        <v>37</v>
      </c>
      <c r="V176" s="3" t="s">
        <v>37</v>
      </c>
    </row>
    <row r="177" spans="1:22" x14ac:dyDescent="0.25">
      <c r="A177" s="3" t="s">
        <v>988</v>
      </c>
      <c r="B177" s="4" t="s">
        <v>574</v>
      </c>
      <c r="C177" s="3" t="s">
        <v>575</v>
      </c>
      <c r="D177" s="5" t="s">
        <v>1348</v>
      </c>
      <c r="E177" s="3" t="s">
        <v>1012</v>
      </c>
      <c r="F177" s="3" t="s">
        <v>1100</v>
      </c>
      <c r="G177" s="3" t="s">
        <v>170</v>
      </c>
      <c r="H177" s="3" t="s">
        <v>64</v>
      </c>
      <c r="I177" s="3" t="s">
        <v>1020</v>
      </c>
      <c r="J177" s="3" t="s">
        <v>1101</v>
      </c>
      <c r="K177" s="3" t="s">
        <v>32</v>
      </c>
      <c r="L177" s="3" t="s">
        <v>33</v>
      </c>
      <c r="M177" s="3" t="s">
        <v>1016</v>
      </c>
      <c r="N177" s="3" t="s">
        <v>79</v>
      </c>
      <c r="O177" s="3" t="s">
        <v>161</v>
      </c>
      <c r="P177" s="3" t="s">
        <v>37</v>
      </c>
      <c r="Q177" s="3" t="s">
        <v>37</v>
      </c>
      <c r="R177" s="3" t="s">
        <v>38</v>
      </c>
      <c r="S177" s="3" t="s">
        <v>1102</v>
      </c>
      <c r="T177" s="3" t="s">
        <v>37</v>
      </c>
      <c r="U177" s="3" t="s">
        <v>37</v>
      </c>
      <c r="V177" s="3" t="s">
        <v>37</v>
      </c>
    </row>
    <row r="178" spans="1:22" x14ac:dyDescent="0.25">
      <c r="A178" s="3" t="s">
        <v>988</v>
      </c>
      <c r="B178" s="4" t="s">
        <v>574</v>
      </c>
      <c r="C178" s="3" t="s">
        <v>575</v>
      </c>
      <c r="D178" s="5" t="s">
        <v>1131</v>
      </c>
      <c r="E178" s="3" t="s">
        <v>1012</v>
      </c>
      <c r="F178" s="3" t="s">
        <v>1103</v>
      </c>
      <c r="G178" s="3" t="s">
        <v>48</v>
      </c>
      <c r="H178" s="3" t="s">
        <v>64</v>
      </c>
      <c r="I178" s="3" t="s">
        <v>1014</v>
      </c>
      <c r="J178" s="3" t="s">
        <v>1104</v>
      </c>
      <c r="K178" s="3" t="s">
        <v>32</v>
      </c>
      <c r="L178" s="3" t="s">
        <v>33</v>
      </c>
      <c r="M178" s="3" t="s">
        <v>1016</v>
      </c>
      <c r="N178" s="3" t="s">
        <v>79</v>
      </c>
      <c r="O178" s="3" t="s">
        <v>161</v>
      </c>
      <c r="P178" s="3" t="s">
        <v>37</v>
      </c>
      <c r="Q178" s="3" t="s">
        <v>37</v>
      </c>
      <c r="R178" s="3" t="s">
        <v>38</v>
      </c>
      <c r="S178" s="3" t="s">
        <v>1105</v>
      </c>
      <c r="T178" s="3" t="s">
        <v>37</v>
      </c>
      <c r="U178" s="3" t="s">
        <v>37</v>
      </c>
      <c r="V178" s="3" t="s">
        <v>37</v>
      </c>
    </row>
    <row r="179" spans="1:22" x14ac:dyDescent="0.25">
      <c r="A179" s="3" t="s">
        <v>988</v>
      </c>
      <c r="B179" s="4" t="s">
        <v>574</v>
      </c>
      <c r="C179" s="3" t="s">
        <v>575</v>
      </c>
      <c r="D179" s="5" t="s">
        <v>177</v>
      </c>
      <c r="E179" s="3" t="s">
        <v>1012</v>
      </c>
      <c r="F179" s="3" t="s">
        <v>1106</v>
      </c>
      <c r="G179" s="3" t="s">
        <v>184</v>
      </c>
      <c r="H179" s="3" t="s">
        <v>64</v>
      </c>
      <c r="I179" s="3" t="s">
        <v>1014</v>
      </c>
      <c r="J179" s="3" t="s">
        <v>1107</v>
      </c>
      <c r="K179" s="3" t="s">
        <v>32</v>
      </c>
      <c r="L179" s="3" t="s">
        <v>33</v>
      </c>
      <c r="M179" s="3" t="s">
        <v>1016</v>
      </c>
      <c r="N179" s="3" t="s">
        <v>79</v>
      </c>
      <c r="O179" s="3" t="s">
        <v>161</v>
      </c>
      <c r="P179" s="3" t="s">
        <v>37</v>
      </c>
      <c r="Q179" s="3" t="s">
        <v>37</v>
      </c>
      <c r="R179" s="3" t="s">
        <v>38</v>
      </c>
      <c r="S179" s="3" t="s">
        <v>1108</v>
      </c>
      <c r="T179" s="3" t="s">
        <v>37</v>
      </c>
      <c r="U179" s="3" t="s">
        <v>37</v>
      </c>
      <c r="V179" s="3" t="s">
        <v>37</v>
      </c>
    </row>
    <row r="180" spans="1:22" x14ac:dyDescent="0.25">
      <c r="A180" s="3" t="s">
        <v>988</v>
      </c>
      <c r="B180" s="4" t="s">
        <v>574</v>
      </c>
      <c r="C180" s="3" t="s">
        <v>575</v>
      </c>
      <c r="D180" s="5" t="s">
        <v>1352</v>
      </c>
      <c r="E180" s="3" t="s">
        <v>1012</v>
      </c>
      <c r="F180" s="3" t="s">
        <v>1110</v>
      </c>
      <c r="G180" s="3" t="s">
        <v>189</v>
      </c>
      <c r="H180" s="3" t="s">
        <v>64</v>
      </c>
      <c r="I180" s="3" t="s">
        <v>1014</v>
      </c>
      <c r="J180" s="3" t="s">
        <v>1111</v>
      </c>
      <c r="K180" s="3" t="s">
        <v>32</v>
      </c>
      <c r="L180" s="3" t="s">
        <v>33</v>
      </c>
      <c r="M180" s="3" t="s">
        <v>1016</v>
      </c>
      <c r="N180" s="3" t="s">
        <v>79</v>
      </c>
      <c r="O180" s="3" t="s">
        <v>161</v>
      </c>
      <c r="P180" s="3" t="s">
        <v>37</v>
      </c>
      <c r="Q180" s="3" t="s">
        <v>37</v>
      </c>
      <c r="R180" s="3" t="s">
        <v>38</v>
      </c>
      <c r="S180" s="3" t="s">
        <v>1112</v>
      </c>
      <c r="T180" s="3" t="s">
        <v>37</v>
      </c>
      <c r="U180" s="3" t="s">
        <v>37</v>
      </c>
      <c r="V180" s="3" t="s">
        <v>37</v>
      </c>
    </row>
    <row r="181" spans="1:22" x14ac:dyDescent="0.25">
      <c r="A181" s="3" t="s">
        <v>988</v>
      </c>
      <c r="B181" s="4" t="s">
        <v>574</v>
      </c>
      <c r="C181" s="3" t="s">
        <v>575</v>
      </c>
      <c r="D181" s="5" t="s">
        <v>1135</v>
      </c>
      <c r="E181" s="3" t="s">
        <v>1038</v>
      </c>
      <c r="F181" s="3" t="s">
        <v>1424</v>
      </c>
      <c r="G181" s="3" t="s">
        <v>148</v>
      </c>
      <c r="H181" s="3" t="s">
        <v>77</v>
      </c>
      <c r="I181" s="3" t="s">
        <v>37</v>
      </c>
      <c r="J181" s="3" t="s">
        <v>1425</v>
      </c>
      <c r="K181" s="3" t="s">
        <v>32</v>
      </c>
      <c r="L181" s="3" t="s">
        <v>33</v>
      </c>
      <c r="M181" s="3" t="s">
        <v>66</v>
      </c>
      <c r="N181" s="3" t="s">
        <v>79</v>
      </c>
      <c r="O181" s="3" t="s">
        <v>80</v>
      </c>
      <c r="P181" s="3" t="s">
        <v>37</v>
      </c>
      <c r="Q181" s="3" t="s">
        <v>37</v>
      </c>
      <c r="R181" s="3" t="s">
        <v>38</v>
      </c>
      <c r="S181" s="3" t="s">
        <v>1426</v>
      </c>
      <c r="T181" s="3" t="s">
        <v>37</v>
      </c>
      <c r="U181" s="3" t="s">
        <v>37</v>
      </c>
      <c r="V181" s="3" t="s">
        <v>37</v>
      </c>
    </row>
    <row r="182" spans="1:22" x14ac:dyDescent="0.25">
      <c r="A182" s="3" t="s">
        <v>988</v>
      </c>
      <c r="B182" s="4" t="s">
        <v>574</v>
      </c>
      <c r="C182" s="3" t="s">
        <v>575</v>
      </c>
      <c r="D182" s="5" t="s">
        <v>1139</v>
      </c>
      <c r="E182" s="3" t="s">
        <v>540</v>
      </c>
      <c r="F182" s="3" t="s">
        <v>1140</v>
      </c>
      <c r="G182" s="3" t="s">
        <v>782</v>
      </c>
      <c r="H182" s="3" t="s">
        <v>77</v>
      </c>
      <c r="I182" s="3" t="s">
        <v>670</v>
      </c>
      <c r="J182" s="3" t="s">
        <v>1141</v>
      </c>
      <c r="K182" s="3" t="s">
        <v>32</v>
      </c>
      <c r="L182" s="3" t="s">
        <v>33</v>
      </c>
      <c r="M182" s="3" t="s">
        <v>34</v>
      </c>
      <c r="N182" s="3" t="s">
        <v>79</v>
      </c>
      <c r="O182" s="3" t="s">
        <v>80</v>
      </c>
      <c r="P182" s="3" t="s">
        <v>37</v>
      </c>
      <c r="Q182" s="3" t="s">
        <v>37</v>
      </c>
      <c r="R182" s="3" t="s">
        <v>38</v>
      </c>
      <c r="S182" s="3" t="s">
        <v>1142</v>
      </c>
      <c r="T182" s="3" t="s">
        <v>37</v>
      </c>
      <c r="U182" s="3" t="s">
        <v>37</v>
      </c>
      <c r="V182" s="3" t="s">
        <v>37</v>
      </c>
    </row>
    <row r="183" spans="1:22" x14ac:dyDescent="0.25">
      <c r="A183" s="3" t="s">
        <v>988</v>
      </c>
      <c r="B183" s="4" t="s">
        <v>574</v>
      </c>
      <c r="C183" s="3" t="s">
        <v>575</v>
      </c>
      <c r="D183" s="5" t="s">
        <v>1143</v>
      </c>
      <c r="E183" s="3" t="s">
        <v>1126</v>
      </c>
      <c r="F183" s="3" t="s">
        <v>1427</v>
      </c>
      <c r="G183" s="3" t="s">
        <v>761</v>
      </c>
      <c r="H183" s="3" t="s">
        <v>29</v>
      </c>
      <c r="I183" s="3" t="s">
        <v>37</v>
      </c>
      <c r="J183" s="3" t="s">
        <v>1428</v>
      </c>
      <c r="K183" s="3" t="s">
        <v>32</v>
      </c>
      <c r="L183" s="3" t="s">
        <v>33</v>
      </c>
      <c r="M183" s="3" t="s">
        <v>66</v>
      </c>
      <c r="N183" s="3" t="s">
        <v>67</v>
      </c>
      <c r="O183" s="3" t="s">
        <v>80</v>
      </c>
      <c r="P183" s="3" t="s">
        <v>37</v>
      </c>
      <c r="Q183" s="3" t="s">
        <v>37</v>
      </c>
      <c r="R183" s="3" t="s">
        <v>38</v>
      </c>
      <c r="S183" s="3" t="s">
        <v>1429</v>
      </c>
      <c r="T183" s="3" t="s">
        <v>37</v>
      </c>
      <c r="U183" s="3" t="s">
        <v>37</v>
      </c>
      <c r="V183" s="3" t="s">
        <v>37</v>
      </c>
    </row>
    <row r="184" spans="1:22" x14ac:dyDescent="0.25">
      <c r="A184" s="3" t="s">
        <v>988</v>
      </c>
      <c r="B184" s="4" t="s">
        <v>574</v>
      </c>
      <c r="C184" s="3" t="s">
        <v>575</v>
      </c>
      <c r="D184" s="5" t="s">
        <v>1359</v>
      </c>
      <c r="E184" s="3" t="s">
        <v>540</v>
      </c>
      <c r="F184" s="3" t="s">
        <v>1430</v>
      </c>
      <c r="G184" s="3" t="s">
        <v>42</v>
      </c>
      <c r="H184" s="3" t="s">
        <v>29</v>
      </c>
      <c r="I184" s="3" t="s">
        <v>670</v>
      </c>
      <c r="J184" s="3" t="s">
        <v>1431</v>
      </c>
      <c r="K184" s="3" t="s">
        <v>32</v>
      </c>
      <c r="L184" s="3" t="s">
        <v>37</v>
      </c>
      <c r="M184" s="3" t="s">
        <v>34</v>
      </c>
      <c r="N184" s="3" t="s">
        <v>160</v>
      </c>
      <c r="O184" s="3" t="s">
        <v>80</v>
      </c>
      <c r="P184" s="3" t="s">
        <v>37</v>
      </c>
      <c r="Q184" s="3" t="s">
        <v>37</v>
      </c>
      <c r="R184" s="3" t="s">
        <v>38</v>
      </c>
      <c r="S184" s="3" t="s">
        <v>1432</v>
      </c>
      <c r="T184" s="3" t="s">
        <v>37</v>
      </c>
      <c r="U184" s="3" t="s">
        <v>37</v>
      </c>
      <c r="V184" s="3" t="s">
        <v>37</v>
      </c>
    </row>
    <row r="185" spans="1:22" x14ac:dyDescent="0.25">
      <c r="A185" s="3" t="s">
        <v>988</v>
      </c>
      <c r="B185" s="4" t="s">
        <v>574</v>
      </c>
      <c r="C185" s="3" t="s">
        <v>575</v>
      </c>
      <c r="D185" s="5" t="s">
        <v>1149</v>
      </c>
      <c r="E185" s="3" t="s">
        <v>1150</v>
      </c>
      <c r="F185" s="3" t="s">
        <v>1433</v>
      </c>
      <c r="G185" s="3" t="s">
        <v>982</v>
      </c>
      <c r="H185" s="3" t="s">
        <v>77</v>
      </c>
      <c r="I185" s="3" t="s">
        <v>37</v>
      </c>
      <c r="J185" s="3" t="s">
        <v>1434</v>
      </c>
      <c r="K185" s="3" t="s">
        <v>32</v>
      </c>
      <c r="L185" s="3" t="s">
        <v>33</v>
      </c>
      <c r="M185" s="3" t="s">
        <v>66</v>
      </c>
      <c r="N185" s="3" t="s">
        <v>67</v>
      </c>
      <c r="O185" s="3" t="s">
        <v>52</v>
      </c>
      <c r="P185" s="3" t="s">
        <v>37</v>
      </c>
      <c r="Q185" s="3" t="s">
        <v>37</v>
      </c>
      <c r="R185" s="3" t="s">
        <v>38</v>
      </c>
      <c r="S185" s="3" t="s">
        <v>1435</v>
      </c>
      <c r="T185" s="3" t="s">
        <v>37</v>
      </c>
      <c r="U185" s="3" t="s">
        <v>37</v>
      </c>
      <c r="V185" s="3" t="s">
        <v>37</v>
      </c>
    </row>
    <row r="186" spans="1:22" x14ac:dyDescent="0.25">
      <c r="A186" s="3" t="s">
        <v>988</v>
      </c>
      <c r="B186" s="4" t="s">
        <v>574</v>
      </c>
      <c r="C186" s="3" t="s">
        <v>575</v>
      </c>
      <c r="D186" s="5" t="s">
        <v>207</v>
      </c>
      <c r="E186" s="3" t="s">
        <v>1154</v>
      </c>
      <c r="F186" s="3" t="s">
        <v>1436</v>
      </c>
      <c r="G186" s="3" t="s">
        <v>892</v>
      </c>
      <c r="H186" s="3" t="s">
        <v>77</v>
      </c>
      <c r="I186" s="3" t="s">
        <v>1437</v>
      </c>
      <c r="J186" s="3" t="s">
        <v>1438</v>
      </c>
      <c r="K186" s="3" t="s">
        <v>32</v>
      </c>
      <c r="L186" s="3" t="s">
        <v>33</v>
      </c>
      <c r="M186" s="3" t="s">
        <v>66</v>
      </c>
      <c r="N186" s="3" t="s">
        <v>35</v>
      </c>
      <c r="O186" s="3" t="s">
        <v>80</v>
      </c>
      <c r="P186" s="3" t="s">
        <v>37</v>
      </c>
      <c r="Q186" s="3" t="s">
        <v>37</v>
      </c>
      <c r="R186" s="3" t="s">
        <v>38</v>
      </c>
      <c r="S186" s="3" t="s">
        <v>1439</v>
      </c>
      <c r="T186" s="3" t="s">
        <v>37</v>
      </c>
      <c r="U186" s="3" t="s">
        <v>37</v>
      </c>
      <c r="V186" s="3" t="s">
        <v>37</v>
      </c>
    </row>
    <row r="187" spans="1:22" x14ac:dyDescent="0.25">
      <c r="A187" s="3" t="s">
        <v>988</v>
      </c>
      <c r="B187" s="4" t="s">
        <v>574</v>
      </c>
      <c r="C187" s="3" t="s">
        <v>575</v>
      </c>
      <c r="D187" s="5" t="s">
        <v>1158</v>
      </c>
      <c r="E187" s="3" t="s">
        <v>1367</v>
      </c>
      <c r="F187" s="3" t="s">
        <v>1440</v>
      </c>
      <c r="G187" s="3" t="s">
        <v>659</v>
      </c>
      <c r="H187" s="3" t="s">
        <v>278</v>
      </c>
      <c r="I187" s="3" t="s">
        <v>1441</v>
      </c>
      <c r="J187" s="3" t="s">
        <v>1442</v>
      </c>
      <c r="K187" s="3" t="s">
        <v>32</v>
      </c>
      <c r="L187" s="3" t="s">
        <v>33</v>
      </c>
      <c r="M187" s="3" t="s">
        <v>66</v>
      </c>
      <c r="N187" s="3" t="s">
        <v>51</v>
      </c>
      <c r="O187" s="3" t="s">
        <v>80</v>
      </c>
      <c r="P187" s="3" t="s">
        <v>37</v>
      </c>
      <c r="Q187" s="3" t="s">
        <v>37</v>
      </c>
      <c r="R187" s="3" t="s">
        <v>38</v>
      </c>
      <c r="S187" s="3" t="s">
        <v>1443</v>
      </c>
      <c r="T187" s="3" t="s">
        <v>37</v>
      </c>
      <c r="U187" s="3" t="s">
        <v>37</v>
      </c>
      <c r="V187" s="3" t="s">
        <v>37</v>
      </c>
    </row>
    <row r="188" spans="1:22" x14ac:dyDescent="0.25">
      <c r="A188" s="3" t="s">
        <v>988</v>
      </c>
      <c r="B188" s="4" t="s">
        <v>574</v>
      </c>
      <c r="C188" s="3" t="s">
        <v>575</v>
      </c>
      <c r="D188" s="5" t="s">
        <v>539</v>
      </c>
      <c r="E188" s="3" t="s">
        <v>1012</v>
      </c>
      <c r="F188" s="3" t="s">
        <v>1113</v>
      </c>
      <c r="G188" s="3" t="s">
        <v>57</v>
      </c>
      <c r="H188" s="3" t="s">
        <v>64</v>
      </c>
      <c r="I188" s="3" t="s">
        <v>1020</v>
      </c>
      <c r="J188" s="3" t="s">
        <v>1114</v>
      </c>
      <c r="K188" s="3" t="s">
        <v>32</v>
      </c>
      <c r="L188" s="3" t="s">
        <v>33</v>
      </c>
      <c r="M188" s="3" t="s">
        <v>1016</v>
      </c>
      <c r="N188" s="3" t="s">
        <v>79</v>
      </c>
      <c r="O188" s="3" t="s">
        <v>161</v>
      </c>
      <c r="P188" s="3" t="s">
        <v>37</v>
      </c>
      <c r="Q188" s="3" t="s">
        <v>37</v>
      </c>
      <c r="R188" s="3" t="s">
        <v>38</v>
      </c>
      <c r="S188" s="3" t="s">
        <v>1115</v>
      </c>
      <c r="T188" s="3" t="s">
        <v>37</v>
      </c>
      <c r="U188" s="3" t="s">
        <v>37</v>
      </c>
      <c r="V188" s="3" t="s">
        <v>37</v>
      </c>
    </row>
    <row r="189" spans="1:22" x14ac:dyDescent="0.25">
      <c r="A189" s="3" t="s">
        <v>988</v>
      </c>
      <c r="B189" s="4" t="s">
        <v>574</v>
      </c>
      <c r="C189" s="3" t="s">
        <v>575</v>
      </c>
      <c r="D189" s="5" t="s">
        <v>1372</v>
      </c>
      <c r="E189" s="3" t="s">
        <v>1012</v>
      </c>
      <c r="F189" s="3" t="s">
        <v>1117</v>
      </c>
      <c r="G189" s="3" t="s">
        <v>270</v>
      </c>
      <c r="H189" s="3" t="s">
        <v>64</v>
      </c>
      <c r="I189" s="3" t="s">
        <v>1020</v>
      </c>
      <c r="J189" s="3" t="s">
        <v>1118</v>
      </c>
      <c r="K189" s="3" t="s">
        <v>32</v>
      </c>
      <c r="L189" s="3" t="s">
        <v>33</v>
      </c>
      <c r="M189" s="3" t="s">
        <v>1016</v>
      </c>
      <c r="N189" s="3" t="s">
        <v>79</v>
      </c>
      <c r="O189" s="3" t="s">
        <v>161</v>
      </c>
      <c r="P189" s="3" t="s">
        <v>37</v>
      </c>
      <c r="Q189" s="3" t="s">
        <v>37</v>
      </c>
      <c r="R189" s="3" t="s">
        <v>38</v>
      </c>
      <c r="S189" s="3" t="s">
        <v>1119</v>
      </c>
      <c r="T189" s="3" t="s">
        <v>37</v>
      </c>
      <c r="U189" s="3" t="s">
        <v>37</v>
      </c>
      <c r="V189" s="3" t="s">
        <v>37</v>
      </c>
    </row>
    <row r="190" spans="1:22" x14ac:dyDescent="0.25">
      <c r="A190" s="3" t="s">
        <v>988</v>
      </c>
      <c r="B190" s="4" t="s">
        <v>574</v>
      </c>
      <c r="C190" s="3" t="s">
        <v>575</v>
      </c>
      <c r="D190" s="5" t="s">
        <v>1376</v>
      </c>
      <c r="E190" s="3" t="s">
        <v>1012</v>
      </c>
      <c r="F190" s="3" t="s">
        <v>1120</v>
      </c>
      <c r="G190" s="3" t="s">
        <v>307</v>
      </c>
      <c r="H190" s="3" t="s">
        <v>64</v>
      </c>
      <c r="I190" s="3" t="s">
        <v>1014</v>
      </c>
      <c r="J190" s="3" t="s">
        <v>1121</v>
      </c>
      <c r="K190" s="3" t="s">
        <v>32</v>
      </c>
      <c r="L190" s="3" t="s">
        <v>33</v>
      </c>
      <c r="M190" s="3" t="s">
        <v>1016</v>
      </c>
      <c r="N190" s="3" t="s">
        <v>79</v>
      </c>
      <c r="O190" s="3" t="s">
        <v>161</v>
      </c>
      <c r="P190" s="3" t="s">
        <v>37</v>
      </c>
      <c r="Q190" s="3" t="s">
        <v>37</v>
      </c>
      <c r="R190" s="3" t="s">
        <v>38</v>
      </c>
      <c r="S190" s="3" t="s">
        <v>1122</v>
      </c>
      <c r="T190" s="3" t="s">
        <v>37</v>
      </c>
      <c r="U190" s="3" t="s">
        <v>37</v>
      </c>
      <c r="V190" s="3" t="s">
        <v>37</v>
      </c>
    </row>
    <row r="191" spans="1:22" x14ac:dyDescent="0.25">
      <c r="A191" s="3" t="s">
        <v>988</v>
      </c>
      <c r="B191" s="4" t="s">
        <v>574</v>
      </c>
      <c r="C191" s="3" t="s">
        <v>575</v>
      </c>
      <c r="D191" s="5" t="s">
        <v>211</v>
      </c>
      <c r="E191" s="3" t="s">
        <v>1007</v>
      </c>
      <c r="F191" s="3" t="s">
        <v>1444</v>
      </c>
      <c r="G191" s="3" t="s">
        <v>99</v>
      </c>
      <c r="H191" s="3" t="s">
        <v>64</v>
      </c>
      <c r="I191" s="3" t="s">
        <v>37</v>
      </c>
      <c r="J191" s="3" t="s">
        <v>1445</v>
      </c>
      <c r="K191" s="3" t="s">
        <v>32</v>
      </c>
      <c r="L191" s="3" t="s">
        <v>33</v>
      </c>
      <c r="M191" s="3" t="s">
        <v>66</v>
      </c>
      <c r="N191" s="3" t="s">
        <v>67</v>
      </c>
      <c r="O191" s="3" t="s">
        <v>52</v>
      </c>
      <c r="P191" s="3" t="s">
        <v>37</v>
      </c>
      <c r="Q191" s="3" t="s">
        <v>37</v>
      </c>
      <c r="R191" s="3" t="s">
        <v>38</v>
      </c>
      <c r="S191" s="3" t="s">
        <v>1446</v>
      </c>
      <c r="T191" s="3" t="s">
        <v>37</v>
      </c>
      <c r="U191" s="3" t="s">
        <v>37</v>
      </c>
      <c r="V191" s="3" t="s">
        <v>37</v>
      </c>
    </row>
    <row r="192" spans="1:22" x14ac:dyDescent="0.25">
      <c r="A192" s="3" t="s">
        <v>988</v>
      </c>
      <c r="B192" s="4" t="s">
        <v>574</v>
      </c>
      <c r="C192" s="3" t="s">
        <v>575</v>
      </c>
      <c r="D192" s="5" t="s">
        <v>216</v>
      </c>
      <c r="E192" s="3" t="s">
        <v>540</v>
      </c>
      <c r="F192" s="3" t="s">
        <v>1140</v>
      </c>
      <c r="G192" s="3" t="s">
        <v>782</v>
      </c>
      <c r="H192" s="3" t="s">
        <v>77</v>
      </c>
      <c r="I192" s="3" t="s">
        <v>670</v>
      </c>
      <c r="J192" s="3" t="s">
        <v>1141</v>
      </c>
      <c r="K192" s="3" t="s">
        <v>32</v>
      </c>
      <c r="L192" s="3" t="s">
        <v>33</v>
      </c>
      <c r="M192" s="3" t="s">
        <v>34</v>
      </c>
      <c r="N192" s="3" t="s">
        <v>79</v>
      </c>
      <c r="O192" s="3" t="s">
        <v>80</v>
      </c>
      <c r="P192" s="3" t="s">
        <v>37</v>
      </c>
      <c r="Q192" s="3" t="s">
        <v>37</v>
      </c>
      <c r="R192" s="3" t="s">
        <v>38</v>
      </c>
      <c r="S192" s="3" t="s">
        <v>1142</v>
      </c>
      <c r="T192" s="3" t="s">
        <v>37</v>
      </c>
      <c r="U192" s="3" t="s">
        <v>37</v>
      </c>
      <c r="V192" s="3" t="s">
        <v>37</v>
      </c>
    </row>
    <row r="193" spans="1:22" x14ac:dyDescent="0.25">
      <c r="A193" s="3" t="s">
        <v>988</v>
      </c>
      <c r="B193" s="4" t="s">
        <v>574</v>
      </c>
      <c r="C193" s="3" t="s">
        <v>575</v>
      </c>
      <c r="D193" s="5" t="s">
        <v>394</v>
      </c>
      <c r="E193" s="3" t="s">
        <v>1126</v>
      </c>
      <c r="F193" s="3" t="s">
        <v>1447</v>
      </c>
      <c r="G193" s="3" t="s">
        <v>475</v>
      </c>
      <c r="H193" s="3" t="s">
        <v>29</v>
      </c>
      <c r="I193" s="3" t="s">
        <v>37</v>
      </c>
      <c r="J193" s="3" t="s">
        <v>1448</v>
      </c>
      <c r="K193" s="3" t="s">
        <v>32</v>
      </c>
      <c r="L193" s="3" t="s">
        <v>33</v>
      </c>
      <c r="M193" s="3" t="s">
        <v>66</v>
      </c>
      <c r="N193" s="3" t="s">
        <v>67</v>
      </c>
      <c r="O193" s="3" t="s">
        <v>80</v>
      </c>
      <c r="P193" s="3" t="s">
        <v>37</v>
      </c>
      <c r="Q193" s="3" t="s">
        <v>37</v>
      </c>
      <c r="R193" s="3" t="s">
        <v>38</v>
      </c>
      <c r="S193" s="3" t="s">
        <v>1449</v>
      </c>
      <c r="T193" s="3" t="s">
        <v>37</v>
      </c>
      <c r="U193" s="3" t="s">
        <v>37</v>
      </c>
      <c r="V193" s="3" t="s">
        <v>37</v>
      </c>
    </row>
    <row r="194" spans="1:22" x14ac:dyDescent="0.25">
      <c r="A194" s="3" t="s">
        <v>988</v>
      </c>
      <c r="B194" s="4" t="s">
        <v>574</v>
      </c>
      <c r="C194" s="3" t="s">
        <v>575</v>
      </c>
      <c r="D194" s="5" t="s">
        <v>225</v>
      </c>
      <c r="E194" s="3" t="s">
        <v>540</v>
      </c>
      <c r="F194" s="3" t="s">
        <v>871</v>
      </c>
      <c r="G194" s="3" t="s">
        <v>132</v>
      </c>
      <c r="H194" s="3" t="s">
        <v>29</v>
      </c>
      <c r="I194" s="3" t="s">
        <v>670</v>
      </c>
      <c r="J194" s="3" t="s">
        <v>872</v>
      </c>
      <c r="K194" s="3" t="s">
        <v>32</v>
      </c>
      <c r="L194" s="3" t="s">
        <v>37</v>
      </c>
      <c r="M194" s="3" t="s">
        <v>34</v>
      </c>
      <c r="N194" s="3" t="s">
        <v>160</v>
      </c>
      <c r="O194" s="3" t="s">
        <v>80</v>
      </c>
      <c r="P194" s="3" t="s">
        <v>37</v>
      </c>
      <c r="Q194" s="3" t="s">
        <v>37</v>
      </c>
      <c r="R194" s="3" t="s">
        <v>38</v>
      </c>
      <c r="S194" s="3" t="s">
        <v>873</v>
      </c>
      <c r="T194" s="3" t="s">
        <v>37</v>
      </c>
      <c r="U194" s="3" t="s">
        <v>37</v>
      </c>
      <c r="V194" s="3" t="s">
        <v>37</v>
      </c>
    </row>
    <row r="195" spans="1:22" x14ac:dyDescent="0.25">
      <c r="A195" s="3" t="s">
        <v>988</v>
      </c>
      <c r="B195" s="4" t="s">
        <v>574</v>
      </c>
      <c r="C195" s="3" t="s">
        <v>575</v>
      </c>
      <c r="D195" s="5" t="s">
        <v>1171</v>
      </c>
      <c r="E195" s="3" t="s">
        <v>1150</v>
      </c>
      <c r="F195" s="3" t="s">
        <v>1244</v>
      </c>
      <c r="G195" s="3" t="s">
        <v>782</v>
      </c>
      <c r="H195" s="3" t="s">
        <v>77</v>
      </c>
      <c r="I195" s="3" t="s">
        <v>37</v>
      </c>
      <c r="J195" s="3" t="s">
        <v>1245</v>
      </c>
      <c r="K195" s="3" t="s">
        <v>32</v>
      </c>
      <c r="L195" s="3" t="s">
        <v>33</v>
      </c>
      <c r="M195" s="3" t="s">
        <v>66</v>
      </c>
      <c r="N195" s="3" t="s">
        <v>67</v>
      </c>
      <c r="O195" s="3" t="s">
        <v>52</v>
      </c>
      <c r="P195" s="3" t="s">
        <v>37</v>
      </c>
      <c r="Q195" s="3" t="s">
        <v>37</v>
      </c>
      <c r="R195" s="3" t="s">
        <v>38</v>
      </c>
      <c r="S195" s="3" t="s">
        <v>1246</v>
      </c>
      <c r="T195" s="3" t="s">
        <v>37</v>
      </c>
      <c r="U195" s="3" t="s">
        <v>37</v>
      </c>
      <c r="V195" s="3" t="s">
        <v>37</v>
      </c>
    </row>
    <row r="196" spans="1:22" x14ac:dyDescent="0.25">
      <c r="A196" s="3" t="s">
        <v>988</v>
      </c>
      <c r="B196" s="4" t="s">
        <v>574</v>
      </c>
      <c r="C196" s="3" t="s">
        <v>575</v>
      </c>
      <c r="D196" s="5" t="s">
        <v>236</v>
      </c>
      <c r="E196" s="3" t="s">
        <v>1154</v>
      </c>
      <c r="F196" s="3" t="s">
        <v>1247</v>
      </c>
      <c r="G196" s="3" t="s">
        <v>1248</v>
      </c>
      <c r="H196" s="3" t="s">
        <v>278</v>
      </c>
      <c r="I196" s="3" t="s">
        <v>37</v>
      </c>
      <c r="J196" s="3" t="s">
        <v>1249</v>
      </c>
      <c r="K196" s="3" t="s">
        <v>32</v>
      </c>
      <c r="L196" s="3" t="s">
        <v>33</v>
      </c>
      <c r="M196" s="3" t="s">
        <v>66</v>
      </c>
      <c r="N196" s="3" t="s">
        <v>51</v>
      </c>
      <c r="O196" s="3" t="s">
        <v>36</v>
      </c>
      <c r="P196" s="3" t="s">
        <v>37</v>
      </c>
      <c r="Q196" s="3" t="s">
        <v>37</v>
      </c>
      <c r="R196" s="3" t="s">
        <v>38</v>
      </c>
      <c r="S196" s="3" t="s">
        <v>1250</v>
      </c>
      <c r="T196" s="3" t="s">
        <v>37</v>
      </c>
      <c r="U196" s="3" t="s">
        <v>37</v>
      </c>
      <c r="V196" s="3" t="s">
        <v>37</v>
      </c>
    </row>
    <row r="197" spans="1:22" x14ac:dyDescent="0.25">
      <c r="A197" s="3" t="s">
        <v>988</v>
      </c>
      <c r="B197" s="4" t="s">
        <v>574</v>
      </c>
      <c r="C197" s="3" t="s">
        <v>575</v>
      </c>
      <c r="D197" s="5" t="s">
        <v>1175</v>
      </c>
      <c r="E197" s="3" t="s">
        <v>1001</v>
      </c>
      <c r="F197" s="3" t="s">
        <v>1450</v>
      </c>
      <c r="G197" s="3" t="s">
        <v>274</v>
      </c>
      <c r="H197" s="3" t="s">
        <v>64</v>
      </c>
      <c r="I197" s="3" t="s">
        <v>1003</v>
      </c>
      <c r="J197" s="3" t="s">
        <v>1451</v>
      </c>
      <c r="K197" s="3" t="s">
        <v>32</v>
      </c>
      <c r="L197" s="3" t="s">
        <v>33</v>
      </c>
      <c r="M197" s="3" t="s">
        <v>34</v>
      </c>
      <c r="N197" s="3" t="s">
        <v>67</v>
      </c>
      <c r="O197" s="3" t="s">
        <v>52</v>
      </c>
      <c r="P197" s="3" t="s">
        <v>37</v>
      </c>
      <c r="Q197" s="3" t="s">
        <v>37</v>
      </c>
      <c r="R197" s="3" t="s">
        <v>38</v>
      </c>
      <c r="S197" s="3" t="s">
        <v>1452</v>
      </c>
      <c r="T197" s="3" t="s">
        <v>37</v>
      </c>
      <c r="U197" s="3" t="s">
        <v>37</v>
      </c>
      <c r="V197" s="3" t="s">
        <v>37</v>
      </c>
    </row>
    <row r="198" spans="1:22" x14ac:dyDescent="0.25">
      <c r="A198" s="3"/>
      <c r="B198" s="4"/>
      <c r="C198" s="3"/>
      <c r="D198" s="5"/>
      <c r="E198" s="6" t="s">
        <v>1179</v>
      </c>
      <c r="F198" s="3"/>
      <c r="G198" s="3"/>
      <c r="H198" s="3"/>
      <c r="I198" s="3"/>
      <c r="J198" s="3"/>
      <c r="K198" s="3"/>
      <c r="L198" s="3"/>
      <c r="M198" s="3"/>
      <c r="N198" s="3"/>
      <c r="O198" s="3"/>
      <c r="P198" s="3"/>
      <c r="Q198" s="3"/>
      <c r="R198" s="3"/>
      <c r="S198" s="3"/>
      <c r="T198" s="3"/>
      <c r="U198" s="3"/>
      <c r="V198" s="3"/>
    </row>
    <row r="199" spans="1:22" x14ac:dyDescent="0.25">
      <c r="A199" s="3"/>
      <c r="B199" s="4"/>
      <c r="C199" s="3"/>
      <c r="D199" s="5"/>
      <c r="E199" s="3"/>
      <c r="F199" s="3"/>
      <c r="G199" s="3"/>
      <c r="H199" s="3"/>
      <c r="I199" s="3"/>
      <c r="J199" s="3"/>
      <c r="K199" s="3"/>
      <c r="L199" s="3"/>
      <c r="M199" s="3"/>
      <c r="N199" s="3"/>
      <c r="O199" s="3"/>
      <c r="P199" s="3"/>
      <c r="Q199" s="3"/>
      <c r="R199" s="3"/>
      <c r="S199" s="3"/>
      <c r="T199" s="3"/>
      <c r="U199" s="3"/>
      <c r="V199" s="3"/>
    </row>
    <row r="200" spans="1:22" x14ac:dyDescent="0.25">
      <c r="A200" s="3" t="s">
        <v>988</v>
      </c>
      <c r="B200" s="4" t="s">
        <v>693</v>
      </c>
      <c r="C200" s="3" t="s">
        <v>694</v>
      </c>
      <c r="D200" s="5" t="s">
        <v>25</v>
      </c>
      <c r="E200" s="3" t="s">
        <v>989</v>
      </c>
      <c r="F200" s="3" t="s">
        <v>1453</v>
      </c>
      <c r="G200" s="3" t="s">
        <v>1454</v>
      </c>
      <c r="H200" s="3" t="s">
        <v>77</v>
      </c>
      <c r="I200" s="3" t="s">
        <v>1387</v>
      </c>
      <c r="J200" s="3" t="s">
        <v>1455</v>
      </c>
      <c r="K200" s="3" t="s">
        <v>32</v>
      </c>
      <c r="L200" s="3" t="s">
        <v>33</v>
      </c>
      <c r="M200" s="3" t="s">
        <v>66</v>
      </c>
      <c r="N200" s="3" t="s">
        <v>993</v>
      </c>
      <c r="O200" s="3" t="s">
        <v>80</v>
      </c>
      <c r="P200" s="3" t="s">
        <v>37</v>
      </c>
      <c r="Q200" s="3" t="s">
        <v>37</v>
      </c>
      <c r="R200" s="3" t="s">
        <v>38</v>
      </c>
      <c r="S200" s="3" t="s">
        <v>1456</v>
      </c>
      <c r="T200" s="3" t="s">
        <v>37</v>
      </c>
      <c r="U200" s="3" t="s">
        <v>37</v>
      </c>
      <c r="V200" s="3" t="s">
        <v>37</v>
      </c>
    </row>
    <row r="201" spans="1:22" x14ac:dyDescent="0.25">
      <c r="A201" s="3" t="s">
        <v>988</v>
      </c>
      <c r="B201" s="4" t="s">
        <v>693</v>
      </c>
      <c r="C201" s="3" t="s">
        <v>694</v>
      </c>
      <c r="D201" s="5" t="s">
        <v>995</v>
      </c>
      <c r="E201" s="3" t="s">
        <v>989</v>
      </c>
      <c r="F201" s="3" t="s">
        <v>1457</v>
      </c>
      <c r="G201" s="3" t="s">
        <v>84</v>
      </c>
      <c r="H201" s="3" t="s">
        <v>29</v>
      </c>
      <c r="I201" s="3" t="s">
        <v>1458</v>
      </c>
      <c r="J201" s="3" t="s">
        <v>1459</v>
      </c>
      <c r="K201" s="3" t="s">
        <v>32</v>
      </c>
      <c r="L201" s="3" t="s">
        <v>33</v>
      </c>
      <c r="M201" s="3" t="s">
        <v>66</v>
      </c>
      <c r="N201" s="3" t="s">
        <v>993</v>
      </c>
      <c r="O201" s="3" t="s">
        <v>80</v>
      </c>
      <c r="P201" s="3" t="s">
        <v>37</v>
      </c>
      <c r="Q201" s="3" t="s">
        <v>37</v>
      </c>
      <c r="R201" s="3" t="s">
        <v>38</v>
      </c>
      <c r="S201" s="3" t="s">
        <v>1460</v>
      </c>
      <c r="T201" s="3" t="s">
        <v>37</v>
      </c>
      <c r="U201" s="3" t="s">
        <v>37</v>
      </c>
      <c r="V201" s="3" t="s">
        <v>37</v>
      </c>
    </row>
    <row r="202" spans="1:22" x14ac:dyDescent="0.25">
      <c r="A202" s="3" t="s">
        <v>988</v>
      </c>
      <c r="B202" s="4" t="s">
        <v>693</v>
      </c>
      <c r="C202" s="3" t="s">
        <v>694</v>
      </c>
      <c r="D202" s="5" t="s">
        <v>45</v>
      </c>
      <c r="E202" s="3" t="s">
        <v>1012</v>
      </c>
      <c r="F202" s="3" t="s">
        <v>1461</v>
      </c>
      <c r="G202" s="3" t="s">
        <v>200</v>
      </c>
      <c r="H202" s="3" t="s">
        <v>64</v>
      </c>
      <c r="I202" s="3" t="s">
        <v>1020</v>
      </c>
      <c r="J202" s="3" t="s">
        <v>1462</v>
      </c>
      <c r="K202" s="3" t="s">
        <v>32</v>
      </c>
      <c r="L202" s="3" t="s">
        <v>33</v>
      </c>
      <c r="M202" s="3" t="s">
        <v>1016</v>
      </c>
      <c r="N202" s="3" t="s">
        <v>79</v>
      </c>
      <c r="O202" s="3" t="s">
        <v>161</v>
      </c>
      <c r="P202" s="3" t="s">
        <v>37</v>
      </c>
      <c r="Q202" s="3" t="s">
        <v>37</v>
      </c>
      <c r="R202" s="3" t="s">
        <v>38</v>
      </c>
      <c r="S202" s="3" t="s">
        <v>1463</v>
      </c>
      <c r="T202" s="3" t="s">
        <v>37</v>
      </c>
      <c r="U202" s="3" t="s">
        <v>37</v>
      </c>
      <c r="V202" s="3" t="s">
        <v>37</v>
      </c>
    </row>
    <row r="203" spans="1:22" x14ac:dyDescent="0.25">
      <c r="A203" s="3" t="s">
        <v>988</v>
      </c>
      <c r="B203" s="4" t="s">
        <v>693</v>
      </c>
      <c r="C203" s="3" t="s">
        <v>694</v>
      </c>
      <c r="D203" s="5" t="s">
        <v>1286</v>
      </c>
      <c r="E203" s="3" t="s">
        <v>1012</v>
      </c>
      <c r="F203" s="3" t="s">
        <v>1464</v>
      </c>
      <c r="G203" s="3" t="s">
        <v>426</v>
      </c>
      <c r="H203" s="3" t="s">
        <v>64</v>
      </c>
      <c r="I203" s="3" t="s">
        <v>1020</v>
      </c>
      <c r="J203" s="3" t="s">
        <v>1465</v>
      </c>
      <c r="K203" s="3" t="s">
        <v>32</v>
      </c>
      <c r="L203" s="3" t="s">
        <v>33</v>
      </c>
      <c r="M203" s="3" t="s">
        <v>1016</v>
      </c>
      <c r="N203" s="3" t="s">
        <v>79</v>
      </c>
      <c r="O203" s="3" t="s">
        <v>161</v>
      </c>
      <c r="P203" s="3" t="s">
        <v>37</v>
      </c>
      <c r="Q203" s="3" t="s">
        <v>37</v>
      </c>
      <c r="R203" s="3" t="s">
        <v>38</v>
      </c>
      <c r="S203" s="3" t="s">
        <v>1466</v>
      </c>
      <c r="T203" s="3" t="s">
        <v>37</v>
      </c>
      <c r="U203" s="3" t="s">
        <v>37</v>
      </c>
      <c r="V203" s="3" t="s">
        <v>37</v>
      </c>
    </row>
    <row r="204" spans="1:22" x14ac:dyDescent="0.25">
      <c r="A204" s="3" t="s">
        <v>988</v>
      </c>
      <c r="B204" s="4" t="s">
        <v>693</v>
      </c>
      <c r="C204" s="3" t="s">
        <v>694</v>
      </c>
      <c r="D204" s="5" t="s">
        <v>696</v>
      </c>
      <c r="E204" s="3" t="s">
        <v>1012</v>
      </c>
      <c r="F204" s="3" t="s">
        <v>1467</v>
      </c>
      <c r="G204" s="3" t="s">
        <v>430</v>
      </c>
      <c r="H204" s="3" t="s">
        <v>64</v>
      </c>
      <c r="I204" s="3" t="s">
        <v>1020</v>
      </c>
      <c r="J204" s="3" t="s">
        <v>1468</v>
      </c>
      <c r="K204" s="3" t="s">
        <v>32</v>
      </c>
      <c r="L204" s="3" t="s">
        <v>33</v>
      </c>
      <c r="M204" s="3" t="s">
        <v>1016</v>
      </c>
      <c r="N204" s="3" t="s">
        <v>79</v>
      </c>
      <c r="O204" s="3" t="s">
        <v>161</v>
      </c>
      <c r="P204" s="3" t="s">
        <v>37</v>
      </c>
      <c r="Q204" s="3" t="s">
        <v>37</v>
      </c>
      <c r="R204" s="3" t="s">
        <v>38</v>
      </c>
      <c r="S204" s="3" t="s">
        <v>1469</v>
      </c>
      <c r="T204" s="3" t="s">
        <v>37</v>
      </c>
      <c r="U204" s="3" t="s">
        <v>37</v>
      </c>
      <c r="V204" s="3" t="s">
        <v>37</v>
      </c>
    </row>
    <row r="205" spans="1:22" x14ac:dyDescent="0.25">
      <c r="A205" s="3" t="s">
        <v>988</v>
      </c>
      <c r="B205" s="4" t="s">
        <v>693</v>
      </c>
      <c r="C205" s="3" t="s">
        <v>694</v>
      </c>
      <c r="D205" s="5" t="s">
        <v>1006</v>
      </c>
      <c r="E205" s="3" t="s">
        <v>1012</v>
      </c>
      <c r="F205" s="3" t="s">
        <v>1470</v>
      </c>
      <c r="G205" s="3" t="s">
        <v>497</v>
      </c>
      <c r="H205" s="3" t="s">
        <v>64</v>
      </c>
      <c r="I205" s="3" t="s">
        <v>1020</v>
      </c>
      <c r="J205" s="8" t="s">
        <v>1298</v>
      </c>
      <c r="K205" s="3" t="s">
        <v>32</v>
      </c>
      <c r="L205" s="3" t="s">
        <v>33</v>
      </c>
      <c r="M205" s="3" t="s">
        <v>1016</v>
      </c>
      <c r="N205" s="3" t="s">
        <v>79</v>
      </c>
      <c r="O205" s="3" t="s">
        <v>161</v>
      </c>
      <c r="P205" s="3" t="s">
        <v>37</v>
      </c>
      <c r="Q205" s="3" t="s">
        <v>37</v>
      </c>
      <c r="R205" s="3" t="s">
        <v>38</v>
      </c>
      <c r="S205" s="3" t="s">
        <v>1471</v>
      </c>
      <c r="T205" s="3" t="s">
        <v>37</v>
      </c>
      <c r="U205" s="3" t="s">
        <v>37</v>
      </c>
      <c r="V205" s="3" t="s">
        <v>37</v>
      </c>
    </row>
    <row r="206" spans="1:22" x14ac:dyDescent="0.25">
      <c r="A206" s="3" t="s">
        <v>988</v>
      </c>
      <c r="B206" s="4" t="s">
        <v>693</v>
      </c>
      <c r="C206" s="3" t="s">
        <v>694</v>
      </c>
      <c r="D206" s="5" t="s">
        <v>1296</v>
      </c>
      <c r="E206" s="3" t="s">
        <v>1012</v>
      </c>
      <c r="F206" s="3" t="s">
        <v>1283</v>
      </c>
      <c r="G206" s="3" t="s">
        <v>64</v>
      </c>
      <c r="H206" s="3" t="s">
        <v>64</v>
      </c>
      <c r="I206" s="3" t="s">
        <v>1020</v>
      </c>
      <c r="J206" s="3" t="s">
        <v>1284</v>
      </c>
      <c r="K206" s="3" t="s">
        <v>32</v>
      </c>
      <c r="L206" s="3" t="s">
        <v>33</v>
      </c>
      <c r="M206" s="3" t="s">
        <v>1016</v>
      </c>
      <c r="N206" s="3" t="s">
        <v>79</v>
      </c>
      <c r="O206" s="3" t="s">
        <v>161</v>
      </c>
      <c r="P206" s="3" t="s">
        <v>37</v>
      </c>
      <c r="Q206" s="3" t="s">
        <v>37</v>
      </c>
      <c r="R206" s="3" t="s">
        <v>38</v>
      </c>
      <c r="S206" s="3" t="s">
        <v>1285</v>
      </c>
      <c r="T206" s="3" t="s">
        <v>37</v>
      </c>
      <c r="U206" s="3" t="s">
        <v>37</v>
      </c>
      <c r="V206" s="3" t="s">
        <v>37</v>
      </c>
    </row>
    <row r="207" spans="1:22" x14ac:dyDescent="0.25">
      <c r="A207" s="3" t="s">
        <v>988</v>
      </c>
      <c r="B207" s="4" t="s">
        <v>693</v>
      </c>
      <c r="C207" s="3" t="s">
        <v>694</v>
      </c>
      <c r="D207" s="5" t="s">
        <v>1300</v>
      </c>
      <c r="E207" s="3" t="s">
        <v>1012</v>
      </c>
      <c r="F207" s="3" t="s">
        <v>1373</v>
      </c>
      <c r="G207" s="3" t="s">
        <v>293</v>
      </c>
      <c r="H207" s="3" t="s">
        <v>64</v>
      </c>
      <c r="I207" s="3" t="s">
        <v>1020</v>
      </c>
      <c r="J207" s="3" t="s">
        <v>1374</v>
      </c>
      <c r="K207" s="3" t="s">
        <v>32</v>
      </c>
      <c r="L207" s="3" t="s">
        <v>33</v>
      </c>
      <c r="M207" s="3" t="s">
        <v>1016</v>
      </c>
      <c r="N207" s="3" t="s">
        <v>79</v>
      </c>
      <c r="O207" s="3" t="s">
        <v>161</v>
      </c>
      <c r="P207" s="3" t="s">
        <v>37</v>
      </c>
      <c r="Q207" s="3" t="s">
        <v>37</v>
      </c>
      <c r="R207" s="3" t="s">
        <v>38</v>
      </c>
      <c r="S207" s="3" t="s">
        <v>1375</v>
      </c>
      <c r="T207" s="3" t="s">
        <v>37</v>
      </c>
      <c r="U207" s="3" t="s">
        <v>37</v>
      </c>
      <c r="V207" s="3" t="s">
        <v>37</v>
      </c>
    </row>
    <row r="208" spans="1:22" x14ac:dyDescent="0.25">
      <c r="A208" s="3" t="s">
        <v>988</v>
      </c>
      <c r="B208" s="4" t="s">
        <v>693</v>
      </c>
      <c r="C208" s="3" t="s">
        <v>694</v>
      </c>
      <c r="D208" s="5" t="s">
        <v>1011</v>
      </c>
      <c r="E208" s="3" t="s">
        <v>540</v>
      </c>
      <c r="F208" s="3" t="s">
        <v>1140</v>
      </c>
      <c r="G208" s="3" t="s">
        <v>782</v>
      </c>
      <c r="H208" s="3" t="s">
        <v>77</v>
      </c>
      <c r="I208" s="3" t="s">
        <v>670</v>
      </c>
      <c r="J208" s="3" t="s">
        <v>1141</v>
      </c>
      <c r="K208" s="3" t="s">
        <v>32</v>
      </c>
      <c r="L208" s="3" t="s">
        <v>33</v>
      </c>
      <c r="M208" s="3" t="s">
        <v>34</v>
      </c>
      <c r="N208" s="3" t="s">
        <v>79</v>
      </c>
      <c r="O208" s="3" t="s">
        <v>80</v>
      </c>
      <c r="P208" s="3" t="s">
        <v>37</v>
      </c>
      <c r="Q208" s="3" t="s">
        <v>37</v>
      </c>
      <c r="R208" s="3" t="s">
        <v>38</v>
      </c>
      <c r="S208" s="3" t="s">
        <v>1142</v>
      </c>
      <c r="T208" s="3" t="s">
        <v>37</v>
      </c>
      <c r="U208" s="3" t="s">
        <v>37</v>
      </c>
      <c r="V208" s="3" t="s">
        <v>37</v>
      </c>
    </row>
    <row r="209" spans="1:22" x14ac:dyDescent="0.25">
      <c r="A209" s="3" t="s">
        <v>988</v>
      </c>
      <c r="B209" s="4" t="s">
        <v>693</v>
      </c>
      <c r="C209" s="3" t="s">
        <v>694</v>
      </c>
      <c r="D209" s="5" t="s">
        <v>1026</v>
      </c>
      <c r="E209" s="3" t="s">
        <v>540</v>
      </c>
      <c r="F209" s="3" t="s">
        <v>1472</v>
      </c>
      <c r="G209" s="3" t="s">
        <v>76</v>
      </c>
      <c r="H209" s="3" t="s">
        <v>77</v>
      </c>
      <c r="I209" s="3" t="s">
        <v>670</v>
      </c>
      <c r="J209" s="3" t="s">
        <v>1473</v>
      </c>
      <c r="K209" s="3" t="s">
        <v>32</v>
      </c>
      <c r="L209" s="3" t="s">
        <v>33</v>
      </c>
      <c r="M209" s="3" t="s">
        <v>34</v>
      </c>
      <c r="N209" s="3" t="s">
        <v>79</v>
      </c>
      <c r="O209" s="3" t="s">
        <v>80</v>
      </c>
      <c r="P209" s="3" t="s">
        <v>37</v>
      </c>
      <c r="Q209" s="3" t="s">
        <v>37</v>
      </c>
      <c r="R209" s="3" t="s">
        <v>38</v>
      </c>
      <c r="S209" s="3" t="s">
        <v>1474</v>
      </c>
      <c r="T209" s="3" t="s">
        <v>37</v>
      </c>
      <c r="U209" s="3" t="s">
        <v>37</v>
      </c>
      <c r="V209" s="3" t="s">
        <v>37</v>
      </c>
    </row>
    <row r="210" spans="1:22" x14ac:dyDescent="0.25">
      <c r="A210" s="3" t="s">
        <v>988</v>
      </c>
      <c r="B210" s="4" t="s">
        <v>693</v>
      </c>
      <c r="C210" s="3" t="s">
        <v>694</v>
      </c>
      <c r="D210" s="5" t="s">
        <v>1037</v>
      </c>
      <c r="E210" s="3" t="s">
        <v>1475</v>
      </c>
      <c r="F210" s="3" t="s">
        <v>37</v>
      </c>
      <c r="G210" s="3">
        <v>1</v>
      </c>
      <c r="H210" s="3">
        <v>0</v>
      </c>
      <c r="I210" s="3" t="s">
        <v>1476</v>
      </c>
      <c r="J210" s="3" t="s">
        <v>1477</v>
      </c>
      <c r="K210" s="3" t="s">
        <v>33</v>
      </c>
      <c r="L210" s="3" t="s">
        <v>33</v>
      </c>
      <c r="M210" s="3" t="s">
        <v>66</v>
      </c>
      <c r="N210" s="3" t="s">
        <v>1478</v>
      </c>
      <c r="O210" s="3" t="s">
        <v>1479</v>
      </c>
      <c r="P210" s="3" t="s">
        <v>37</v>
      </c>
      <c r="Q210" s="3" t="s">
        <v>37</v>
      </c>
      <c r="R210" s="3" t="s">
        <v>38</v>
      </c>
      <c r="S210" s="3" t="s">
        <v>1480</v>
      </c>
      <c r="T210" s="3" t="s">
        <v>37</v>
      </c>
      <c r="U210" s="3" t="s">
        <v>37</v>
      </c>
      <c r="V210" s="3" t="s">
        <v>37</v>
      </c>
    </row>
    <row r="211" spans="1:22" x14ac:dyDescent="0.25">
      <c r="A211" s="3" t="s">
        <v>988</v>
      </c>
      <c r="B211" s="4" t="s">
        <v>693</v>
      </c>
      <c r="C211" s="3" t="s">
        <v>694</v>
      </c>
      <c r="D211" s="5" t="s">
        <v>1048</v>
      </c>
      <c r="E211" s="3" t="s">
        <v>1007</v>
      </c>
      <c r="F211" s="3" t="s">
        <v>1481</v>
      </c>
      <c r="G211" s="3" t="s">
        <v>120</v>
      </c>
      <c r="H211" s="3" t="s">
        <v>64</v>
      </c>
      <c r="I211" s="3" t="s">
        <v>37</v>
      </c>
      <c r="J211" s="3" t="s">
        <v>1482</v>
      </c>
      <c r="K211" s="3" t="s">
        <v>32</v>
      </c>
      <c r="L211" s="3" t="s">
        <v>33</v>
      </c>
      <c r="M211" s="3" t="s">
        <v>66</v>
      </c>
      <c r="N211" s="3" t="s">
        <v>67</v>
      </c>
      <c r="O211" s="3" t="s">
        <v>52</v>
      </c>
      <c r="P211" s="3" t="s">
        <v>37</v>
      </c>
      <c r="Q211" s="3" t="s">
        <v>37</v>
      </c>
      <c r="R211" s="3" t="s">
        <v>38</v>
      </c>
      <c r="S211" s="3" t="s">
        <v>1483</v>
      </c>
      <c r="T211" s="3" t="s">
        <v>37</v>
      </c>
      <c r="U211" s="3" t="s">
        <v>37</v>
      </c>
      <c r="V211" s="3" t="s">
        <v>37</v>
      </c>
    </row>
    <row r="212" spans="1:22" x14ac:dyDescent="0.25">
      <c r="A212" s="3" t="s">
        <v>988</v>
      </c>
      <c r="B212" s="4" t="s">
        <v>693</v>
      </c>
      <c r="C212" s="3" t="s">
        <v>694</v>
      </c>
      <c r="D212" s="5" t="s">
        <v>1053</v>
      </c>
      <c r="E212" s="3" t="s">
        <v>1007</v>
      </c>
      <c r="F212" s="3" t="s">
        <v>1484</v>
      </c>
      <c r="G212" s="3" t="s">
        <v>352</v>
      </c>
      <c r="H212" s="3" t="s">
        <v>64</v>
      </c>
      <c r="I212" s="3" t="s">
        <v>37</v>
      </c>
      <c r="J212" s="3" t="s">
        <v>1485</v>
      </c>
      <c r="K212" s="3" t="s">
        <v>32</v>
      </c>
      <c r="L212" s="3" t="s">
        <v>33</v>
      </c>
      <c r="M212" s="3" t="s">
        <v>66</v>
      </c>
      <c r="N212" s="3" t="s">
        <v>67</v>
      </c>
      <c r="O212" s="3" t="s">
        <v>52</v>
      </c>
      <c r="P212" s="3" t="s">
        <v>37</v>
      </c>
      <c r="Q212" s="3" t="s">
        <v>37</v>
      </c>
      <c r="R212" s="3" t="s">
        <v>38</v>
      </c>
      <c r="S212" s="3" t="s">
        <v>1486</v>
      </c>
      <c r="T212" s="3" t="s">
        <v>37</v>
      </c>
      <c r="U212" s="3" t="s">
        <v>37</v>
      </c>
      <c r="V212" s="3" t="s">
        <v>37</v>
      </c>
    </row>
    <row r="213" spans="1:22" x14ac:dyDescent="0.25">
      <c r="A213" s="3" t="s">
        <v>988</v>
      </c>
      <c r="B213" s="4" t="s">
        <v>693</v>
      </c>
      <c r="C213" s="3" t="s">
        <v>694</v>
      </c>
      <c r="D213" s="5" t="s">
        <v>107</v>
      </c>
      <c r="E213" s="3" t="s">
        <v>1007</v>
      </c>
      <c r="F213" s="3" t="s">
        <v>1487</v>
      </c>
      <c r="G213" s="3" t="s">
        <v>153</v>
      </c>
      <c r="H213" s="3" t="s">
        <v>64</v>
      </c>
      <c r="I213" s="3" t="s">
        <v>37</v>
      </c>
      <c r="J213" s="3" t="s">
        <v>1488</v>
      </c>
      <c r="K213" s="3" t="s">
        <v>32</v>
      </c>
      <c r="L213" s="3" t="s">
        <v>33</v>
      </c>
      <c r="M213" s="3" t="s">
        <v>66</v>
      </c>
      <c r="N213" s="3" t="s">
        <v>67</v>
      </c>
      <c r="O213" s="3" t="s">
        <v>52</v>
      </c>
      <c r="P213" s="3" t="s">
        <v>37</v>
      </c>
      <c r="Q213" s="3" t="s">
        <v>37</v>
      </c>
      <c r="R213" s="3" t="s">
        <v>38</v>
      </c>
      <c r="S213" s="3" t="s">
        <v>1489</v>
      </c>
      <c r="T213" s="3" t="s">
        <v>37</v>
      </c>
      <c r="U213" s="3" t="s">
        <v>37</v>
      </c>
      <c r="V213" s="3" t="s">
        <v>37</v>
      </c>
    </row>
    <row r="214" spans="1:22" x14ac:dyDescent="0.25">
      <c r="A214" s="3" t="s">
        <v>988</v>
      </c>
      <c r="B214" s="4" t="s">
        <v>693</v>
      </c>
      <c r="C214" s="3" t="s">
        <v>694</v>
      </c>
      <c r="D214" s="5" t="s">
        <v>1318</v>
      </c>
      <c r="E214" s="3" t="s">
        <v>1007</v>
      </c>
      <c r="F214" s="3" t="s">
        <v>1490</v>
      </c>
      <c r="G214" s="3" t="s">
        <v>281</v>
      </c>
      <c r="H214" s="3" t="s">
        <v>64</v>
      </c>
      <c r="I214" s="3" t="s">
        <v>37</v>
      </c>
      <c r="J214" s="3" t="s">
        <v>1491</v>
      </c>
      <c r="K214" s="3" t="s">
        <v>32</v>
      </c>
      <c r="L214" s="3" t="s">
        <v>33</v>
      </c>
      <c r="M214" s="3" t="s">
        <v>66</v>
      </c>
      <c r="N214" s="3" t="s">
        <v>67</v>
      </c>
      <c r="O214" s="3" t="s">
        <v>52</v>
      </c>
      <c r="P214" s="3" t="s">
        <v>37</v>
      </c>
      <c r="Q214" s="3" t="s">
        <v>37</v>
      </c>
      <c r="R214" s="3" t="s">
        <v>38</v>
      </c>
      <c r="S214" s="3" t="s">
        <v>1492</v>
      </c>
      <c r="T214" s="3" t="s">
        <v>37</v>
      </c>
      <c r="U214" s="3" t="s">
        <v>37</v>
      </c>
      <c r="V214" s="3" t="s">
        <v>37</v>
      </c>
    </row>
    <row r="215" spans="1:22" x14ac:dyDescent="0.25">
      <c r="A215" s="3" t="s">
        <v>988</v>
      </c>
      <c r="B215" s="4" t="s">
        <v>693</v>
      </c>
      <c r="C215" s="3" t="s">
        <v>694</v>
      </c>
      <c r="D215" s="5" t="s">
        <v>1062</v>
      </c>
      <c r="E215" s="3" t="s">
        <v>540</v>
      </c>
      <c r="F215" s="3" t="s">
        <v>874</v>
      </c>
      <c r="G215" s="3" t="s">
        <v>265</v>
      </c>
      <c r="H215" s="3" t="s">
        <v>29</v>
      </c>
      <c r="I215" s="3" t="s">
        <v>670</v>
      </c>
      <c r="J215" s="3" t="s">
        <v>875</v>
      </c>
      <c r="K215" s="3" t="s">
        <v>32</v>
      </c>
      <c r="L215" s="3" t="s">
        <v>37</v>
      </c>
      <c r="M215" s="3" t="s">
        <v>34</v>
      </c>
      <c r="N215" s="3" t="s">
        <v>160</v>
      </c>
      <c r="O215" s="3" t="s">
        <v>80</v>
      </c>
      <c r="P215" s="3" t="s">
        <v>37</v>
      </c>
      <c r="Q215" s="3" t="s">
        <v>37</v>
      </c>
      <c r="R215" s="3" t="s">
        <v>38</v>
      </c>
      <c r="S215" s="3" t="s">
        <v>876</v>
      </c>
      <c r="T215" s="3" t="s">
        <v>37</v>
      </c>
      <c r="U215" s="3" t="s">
        <v>37</v>
      </c>
      <c r="V215" s="3" t="s">
        <v>37</v>
      </c>
    </row>
    <row r="216" spans="1:22" x14ac:dyDescent="0.25">
      <c r="A216" s="3" t="s">
        <v>988</v>
      </c>
      <c r="B216" s="4" t="s">
        <v>693</v>
      </c>
      <c r="C216" s="3" t="s">
        <v>694</v>
      </c>
      <c r="D216" s="5" t="s">
        <v>483</v>
      </c>
      <c r="E216" s="3" t="s">
        <v>540</v>
      </c>
      <c r="F216" s="3" t="s">
        <v>1493</v>
      </c>
      <c r="G216" s="3" t="s">
        <v>408</v>
      </c>
      <c r="H216" s="3" t="s">
        <v>29</v>
      </c>
      <c r="I216" s="3" t="s">
        <v>670</v>
      </c>
      <c r="J216" s="3" t="s">
        <v>1494</v>
      </c>
      <c r="K216" s="3" t="s">
        <v>32</v>
      </c>
      <c r="L216" s="3" t="s">
        <v>37</v>
      </c>
      <c r="M216" s="3" t="s">
        <v>34</v>
      </c>
      <c r="N216" s="3" t="s">
        <v>160</v>
      </c>
      <c r="O216" s="3" t="s">
        <v>80</v>
      </c>
      <c r="P216" s="3" t="s">
        <v>37</v>
      </c>
      <c r="Q216" s="3" t="s">
        <v>37</v>
      </c>
      <c r="R216" s="3" t="s">
        <v>38</v>
      </c>
      <c r="S216" s="3" t="s">
        <v>1495</v>
      </c>
      <c r="T216" s="3" t="s">
        <v>37</v>
      </c>
      <c r="U216" s="3" t="s">
        <v>37</v>
      </c>
      <c r="V216" s="3" t="s">
        <v>37</v>
      </c>
    </row>
    <row r="217" spans="1:22" x14ac:dyDescent="0.25">
      <c r="A217" s="3" t="s">
        <v>988</v>
      </c>
      <c r="B217" s="4" t="s">
        <v>693</v>
      </c>
      <c r="C217" s="3" t="s">
        <v>694</v>
      </c>
      <c r="D217" s="5" t="s">
        <v>130</v>
      </c>
      <c r="E217" s="3" t="s">
        <v>540</v>
      </c>
      <c r="F217" s="3" t="s">
        <v>1496</v>
      </c>
      <c r="G217" s="3" t="s">
        <v>412</v>
      </c>
      <c r="H217" s="3" t="s">
        <v>29</v>
      </c>
      <c r="I217" s="3" t="s">
        <v>670</v>
      </c>
      <c r="J217" s="3" t="s">
        <v>1497</v>
      </c>
      <c r="K217" s="3" t="s">
        <v>32</v>
      </c>
      <c r="L217" s="3" t="s">
        <v>37</v>
      </c>
      <c r="M217" s="3" t="s">
        <v>34</v>
      </c>
      <c r="N217" s="3" t="s">
        <v>160</v>
      </c>
      <c r="O217" s="3" t="s">
        <v>80</v>
      </c>
      <c r="P217" s="3" t="s">
        <v>37</v>
      </c>
      <c r="Q217" s="3" t="s">
        <v>37</v>
      </c>
      <c r="R217" s="3" t="s">
        <v>38</v>
      </c>
      <c r="S217" s="3" t="s">
        <v>1498</v>
      </c>
      <c r="T217" s="3" t="s">
        <v>37</v>
      </c>
      <c r="U217" s="3" t="s">
        <v>37</v>
      </c>
      <c r="V217" s="3" t="s">
        <v>37</v>
      </c>
    </row>
    <row r="218" spans="1:22" x14ac:dyDescent="0.25">
      <c r="A218" s="3" t="s">
        <v>988</v>
      </c>
      <c r="B218" s="4" t="s">
        <v>693</v>
      </c>
      <c r="C218" s="3" t="s">
        <v>694</v>
      </c>
      <c r="D218" s="5" t="s">
        <v>495</v>
      </c>
      <c r="E218" s="3" t="s">
        <v>540</v>
      </c>
      <c r="F218" s="3" t="s">
        <v>1499</v>
      </c>
      <c r="G218" s="3" t="s">
        <v>195</v>
      </c>
      <c r="H218" s="3" t="s">
        <v>29</v>
      </c>
      <c r="I218" s="3" t="s">
        <v>670</v>
      </c>
      <c r="J218" s="3" t="s">
        <v>1500</v>
      </c>
      <c r="K218" s="3" t="s">
        <v>32</v>
      </c>
      <c r="L218" s="3" t="s">
        <v>33</v>
      </c>
      <c r="M218" s="3" t="s">
        <v>34</v>
      </c>
      <c r="N218" s="3" t="s">
        <v>160</v>
      </c>
      <c r="O218" s="3" t="s">
        <v>80</v>
      </c>
      <c r="P218" s="3" t="s">
        <v>37</v>
      </c>
      <c r="Q218" s="3" t="s">
        <v>37</v>
      </c>
      <c r="R218" s="3" t="s">
        <v>38</v>
      </c>
      <c r="S218" s="3" t="s">
        <v>1501</v>
      </c>
      <c r="T218" s="3" t="s">
        <v>37</v>
      </c>
      <c r="U218" s="3" t="s">
        <v>37</v>
      </c>
      <c r="V218" s="3" t="s">
        <v>37</v>
      </c>
    </row>
    <row r="219" spans="1:22" x14ac:dyDescent="0.25">
      <c r="A219" s="3" t="s">
        <v>988</v>
      </c>
      <c r="B219" s="4" t="s">
        <v>693</v>
      </c>
      <c r="C219" s="3" t="s">
        <v>694</v>
      </c>
      <c r="D219" s="5" t="s">
        <v>140</v>
      </c>
      <c r="E219" s="3" t="s">
        <v>1012</v>
      </c>
      <c r="F219" s="3" t="s">
        <v>1019</v>
      </c>
      <c r="G219" s="3" t="s">
        <v>94</v>
      </c>
      <c r="H219" s="3" t="s">
        <v>64</v>
      </c>
      <c r="I219" s="3" t="s">
        <v>1020</v>
      </c>
      <c r="J219" s="3" t="s">
        <v>1021</v>
      </c>
      <c r="K219" s="3" t="s">
        <v>32</v>
      </c>
      <c r="L219" s="3" t="s">
        <v>33</v>
      </c>
      <c r="M219" s="3" t="s">
        <v>1016</v>
      </c>
      <c r="N219" s="3" t="s">
        <v>79</v>
      </c>
      <c r="O219" s="3" t="s">
        <v>161</v>
      </c>
      <c r="P219" s="3" t="s">
        <v>37</v>
      </c>
      <c r="Q219" s="3" t="s">
        <v>37</v>
      </c>
      <c r="R219" s="3" t="s">
        <v>38</v>
      </c>
      <c r="S219" s="3" t="s">
        <v>1022</v>
      </c>
      <c r="T219" s="3" t="s">
        <v>37</v>
      </c>
      <c r="U219" s="3" t="s">
        <v>37</v>
      </c>
      <c r="V219" s="3" t="s">
        <v>37</v>
      </c>
    </row>
    <row r="220" spans="1:22" x14ac:dyDescent="0.25">
      <c r="A220" s="3" t="s">
        <v>988</v>
      </c>
      <c r="B220" s="4" t="s">
        <v>693</v>
      </c>
      <c r="C220" s="3" t="s">
        <v>694</v>
      </c>
      <c r="D220" s="5" t="s">
        <v>738</v>
      </c>
      <c r="E220" s="3" t="s">
        <v>1012</v>
      </c>
      <c r="F220" s="3" t="s">
        <v>1287</v>
      </c>
      <c r="G220" s="3" t="s">
        <v>29</v>
      </c>
      <c r="H220" s="3" t="s">
        <v>64</v>
      </c>
      <c r="I220" s="3" t="s">
        <v>1014</v>
      </c>
      <c r="J220" s="3" t="s">
        <v>1288</v>
      </c>
      <c r="K220" s="3" t="s">
        <v>32</v>
      </c>
      <c r="L220" s="3" t="s">
        <v>33</v>
      </c>
      <c r="M220" s="3" t="s">
        <v>1016</v>
      </c>
      <c r="N220" s="3" t="s">
        <v>79</v>
      </c>
      <c r="O220" s="3" t="s">
        <v>161</v>
      </c>
      <c r="P220" s="3" t="s">
        <v>37</v>
      </c>
      <c r="Q220" s="3" t="s">
        <v>37</v>
      </c>
      <c r="R220" s="3" t="s">
        <v>38</v>
      </c>
      <c r="S220" s="3" t="s">
        <v>1289</v>
      </c>
      <c r="T220" s="3" t="s">
        <v>37</v>
      </c>
      <c r="U220" s="3" t="s">
        <v>37</v>
      </c>
      <c r="V220" s="3" t="s">
        <v>37</v>
      </c>
    </row>
    <row r="221" spans="1:22" x14ac:dyDescent="0.25">
      <c r="A221" s="3" t="s">
        <v>988</v>
      </c>
      <c r="B221" s="4" t="s">
        <v>693</v>
      </c>
      <c r="C221" s="3" t="s">
        <v>694</v>
      </c>
      <c r="D221" s="5" t="s">
        <v>1109</v>
      </c>
      <c r="E221" s="3" t="s">
        <v>1012</v>
      </c>
      <c r="F221" s="3" t="s">
        <v>1023</v>
      </c>
      <c r="G221" s="3" t="s">
        <v>99</v>
      </c>
      <c r="H221" s="3" t="s">
        <v>64</v>
      </c>
      <c r="I221" s="3" t="s">
        <v>1014</v>
      </c>
      <c r="J221" s="3" t="s">
        <v>1024</v>
      </c>
      <c r="K221" s="3" t="s">
        <v>32</v>
      </c>
      <c r="L221" s="3" t="s">
        <v>33</v>
      </c>
      <c r="M221" s="3" t="s">
        <v>1016</v>
      </c>
      <c r="N221" s="3" t="s">
        <v>79</v>
      </c>
      <c r="O221" s="3" t="s">
        <v>161</v>
      </c>
      <c r="P221" s="3" t="s">
        <v>37</v>
      </c>
      <c r="Q221" s="3" t="s">
        <v>37</v>
      </c>
      <c r="R221" s="3" t="s">
        <v>38</v>
      </c>
      <c r="S221" s="3" t="s">
        <v>1025</v>
      </c>
      <c r="T221" s="3" t="s">
        <v>37</v>
      </c>
      <c r="U221" s="3" t="s">
        <v>37</v>
      </c>
      <c r="V221" s="3" t="s">
        <v>37</v>
      </c>
    </row>
    <row r="222" spans="1:22" x14ac:dyDescent="0.25">
      <c r="A222" s="3" t="s">
        <v>988</v>
      </c>
      <c r="B222" s="4" t="s">
        <v>693</v>
      </c>
      <c r="C222" s="3" t="s">
        <v>694</v>
      </c>
      <c r="D222" s="5" t="s">
        <v>503</v>
      </c>
      <c r="E222" s="3" t="s">
        <v>1012</v>
      </c>
      <c r="F222" s="3" t="s">
        <v>1027</v>
      </c>
      <c r="G222" s="3" t="s">
        <v>120</v>
      </c>
      <c r="H222" s="3" t="s">
        <v>64</v>
      </c>
      <c r="I222" s="3" t="s">
        <v>1020</v>
      </c>
      <c r="J222" s="3" t="s">
        <v>1028</v>
      </c>
      <c r="K222" s="3" t="s">
        <v>32</v>
      </c>
      <c r="L222" s="3" t="s">
        <v>33</v>
      </c>
      <c r="M222" s="3" t="s">
        <v>1016</v>
      </c>
      <c r="N222" s="3" t="s">
        <v>79</v>
      </c>
      <c r="O222" s="3" t="s">
        <v>161</v>
      </c>
      <c r="P222" s="3" t="s">
        <v>37</v>
      </c>
      <c r="Q222" s="3" t="s">
        <v>37</v>
      </c>
      <c r="R222" s="3" t="s">
        <v>38</v>
      </c>
      <c r="S222" s="3" t="s">
        <v>1029</v>
      </c>
      <c r="T222" s="3" t="s">
        <v>37</v>
      </c>
      <c r="U222" s="3" t="s">
        <v>37</v>
      </c>
      <c r="V222" s="3" t="s">
        <v>37</v>
      </c>
    </row>
    <row r="223" spans="1:22" x14ac:dyDescent="0.25">
      <c r="A223" s="3" t="s">
        <v>988</v>
      </c>
      <c r="B223" s="4" t="s">
        <v>693</v>
      </c>
      <c r="C223" s="3" t="s">
        <v>694</v>
      </c>
      <c r="D223" s="5" t="s">
        <v>1116</v>
      </c>
      <c r="E223" s="3" t="s">
        <v>1012</v>
      </c>
      <c r="F223" s="3" t="s">
        <v>1290</v>
      </c>
      <c r="G223" s="3" t="s">
        <v>77</v>
      </c>
      <c r="H223" s="3" t="s">
        <v>64</v>
      </c>
      <c r="I223" s="3" t="s">
        <v>1020</v>
      </c>
      <c r="J223" s="3" t="s">
        <v>1291</v>
      </c>
      <c r="K223" s="3" t="s">
        <v>32</v>
      </c>
      <c r="L223" s="3" t="s">
        <v>33</v>
      </c>
      <c r="M223" s="3" t="s">
        <v>1016</v>
      </c>
      <c r="N223" s="3" t="s">
        <v>79</v>
      </c>
      <c r="O223" s="3" t="s">
        <v>161</v>
      </c>
      <c r="P223" s="3" t="s">
        <v>37</v>
      </c>
      <c r="Q223" s="3" t="s">
        <v>37</v>
      </c>
      <c r="R223" s="3" t="s">
        <v>38</v>
      </c>
      <c r="S223" s="3" t="s">
        <v>1292</v>
      </c>
      <c r="T223" s="3" t="s">
        <v>37</v>
      </c>
      <c r="U223" s="3" t="s">
        <v>37</v>
      </c>
      <c r="V223" s="3" t="s">
        <v>37</v>
      </c>
    </row>
    <row r="224" spans="1:22" x14ac:dyDescent="0.25">
      <c r="A224" s="3" t="s">
        <v>988</v>
      </c>
      <c r="B224" s="4" t="s">
        <v>693</v>
      </c>
      <c r="C224" s="3" t="s">
        <v>694</v>
      </c>
      <c r="D224" s="5" t="s">
        <v>152</v>
      </c>
      <c r="E224" s="3" t="s">
        <v>1012</v>
      </c>
      <c r="F224" s="3" t="s">
        <v>1337</v>
      </c>
      <c r="G224" s="3" t="s">
        <v>70</v>
      </c>
      <c r="H224" s="3" t="s">
        <v>64</v>
      </c>
      <c r="I224" s="3" t="s">
        <v>1020</v>
      </c>
      <c r="J224" s="3" t="s">
        <v>1338</v>
      </c>
      <c r="K224" s="3" t="s">
        <v>32</v>
      </c>
      <c r="L224" s="3" t="s">
        <v>33</v>
      </c>
      <c r="M224" s="3" t="s">
        <v>1016</v>
      </c>
      <c r="N224" s="3" t="s">
        <v>79</v>
      </c>
      <c r="O224" s="3" t="s">
        <v>161</v>
      </c>
      <c r="P224" s="3" t="s">
        <v>37</v>
      </c>
      <c r="Q224" s="3" t="s">
        <v>37</v>
      </c>
      <c r="R224" s="3" t="s">
        <v>38</v>
      </c>
      <c r="S224" s="3" t="s">
        <v>1339</v>
      </c>
      <c r="T224" s="3" t="s">
        <v>37</v>
      </c>
      <c r="U224" s="3" t="s">
        <v>37</v>
      </c>
      <c r="V224" s="3" t="s">
        <v>37</v>
      </c>
    </row>
    <row r="225" spans="1:22" x14ac:dyDescent="0.25">
      <c r="A225" s="3" t="s">
        <v>988</v>
      </c>
      <c r="B225" s="4" t="s">
        <v>693</v>
      </c>
      <c r="C225" s="3" t="s">
        <v>694</v>
      </c>
      <c r="D225" s="5" t="s">
        <v>154</v>
      </c>
      <c r="E225" s="3" t="s">
        <v>1012</v>
      </c>
      <c r="F225" s="3" t="s">
        <v>1297</v>
      </c>
      <c r="G225" s="3" t="s">
        <v>222</v>
      </c>
      <c r="H225" s="3" t="s">
        <v>64</v>
      </c>
      <c r="I225" s="3" t="s">
        <v>1020</v>
      </c>
      <c r="J225" s="8" t="s">
        <v>1298</v>
      </c>
      <c r="K225" s="3" t="s">
        <v>32</v>
      </c>
      <c r="L225" s="3" t="s">
        <v>33</v>
      </c>
      <c r="M225" s="3" t="s">
        <v>1016</v>
      </c>
      <c r="N225" s="3" t="s">
        <v>79</v>
      </c>
      <c r="O225" s="3" t="s">
        <v>161</v>
      </c>
      <c r="P225" s="3" t="s">
        <v>37</v>
      </c>
      <c r="Q225" s="3" t="s">
        <v>37</v>
      </c>
      <c r="R225" s="3" t="s">
        <v>38</v>
      </c>
      <c r="S225" s="3" t="s">
        <v>1299</v>
      </c>
      <c r="T225" s="3" t="s">
        <v>37</v>
      </c>
      <c r="U225" s="3" t="s">
        <v>37</v>
      </c>
      <c r="V225" s="3" t="s">
        <v>37</v>
      </c>
    </row>
    <row r="226" spans="1:22" x14ac:dyDescent="0.25">
      <c r="A226" s="3" t="s">
        <v>988</v>
      </c>
      <c r="B226" s="4" t="s">
        <v>693</v>
      </c>
      <c r="C226" s="3" t="s">
        <v>694</v>
      </c>
      <c r="D226" s="5" t="s">
        <v>1336</v>
      </c>
      <c r="E226" s="3" t="s">
        <v>1012</v>
      </c>
      <c r="F226" s="3" t="s">
        <v>1293</v>
      </c>
      <c r="G226" s="3" t="s">
        <v>278</v>
      </c>
      <c r="H226" s="3" t="s">
        <v>64</v>
      </c>
      <c r="I226" s="3" t="s">
        <v>1020</v>
      </c>
      <c r="J226" s="3" t="s">
        <v>1294</v>
      </c>
      <c r="K226" s="3" t="s">
        <v>32</v>
      </c>
      <c r="L226" s="3" t="s">
        <v>33</v>
      </c>
      <c r="M226" s="3" t="s">
        <v>1016</v>
      </c>
      <c r="N226" s="3" t="s">
        <v>79</v>
      </c>
      <c r="O226" s="3" t="s">
        <v>161</v>
      </c>
      <c r="P226" s="3" t="s">
        <v>37</v>
      </c>
      <c r="Q226" s="3" t="s">
        <v>37</v>
      </c>
      <c r="R226" s="3" t="s">
        <v>38</v>
      </c>
      <c r="S226" s="3" t="s">
        <v>1295</v>
      </c>
      <c r="T226" s="3" t="s">
        <v>37</v>
      </c>
      <c r="U226" s="3" t="s">
        <v>37</v>
      </c>
      <c r="V226" s="3" t="s">
        <v>37</v>
      </c>
    </row>
    <row r="227" spans="1:22" x14ac:dyDescent="0.25">
      <c r="A227" s="3" t="s">
        <v>988</v>
      </c>
      <c r="B227" s="4" t="s">
        <v>693</v>
      </c>
      <c r="C227" s="3" t="s">
        <v>694</v>
      </c>
      <c r="D227" s="5" t="s">
        <v>1340</v>
      </c>
      <c r="E227" s="3" t="s">
        <v>1012</v>
      </c>
      <c r="F227" s="3" t="s">
        <v>1470</v>
      </c>
      <c r="G227" s="3" t="s">
        <v>497</v>
      </c>
      <c r="H227" s="3" t="s">
        <v>64</v>
      </c>
      <c r="I227" s="3" t="s">
        <v>1020</v>
      </c>
      <c r="J227" s="8" t="s">
        <v>1298</v>
      </c>
      <c r="K227" s="3" t="s">
        <v>32</v>
      </c>
      <c r="L227" s="3" t="s">
        <v>33</v>
      </c>
      <c r="M227" s="3" t="s">
        <v>1016</v>
      </c>
      <c r="N227" s="3" t="s">
        <v>79</v>
      </c>
      <c r="O227" s="3" t="s">
        <v>161</v>
      </c>
      <c r="P227" s="3" t="s">
        <v>37</v>
      </c>
      <c r="Q227" s="3" t="s">
        <v>37</v>
      </c>
      <c r="R227" s="3" t="s">
        <v>38</v>
      </c>
      <c r="S227" s="3" t="s">
        <v>1471</v>
      </c>
      <c r="T227" s="3" t="s">
        <v>37</v>
      </c>
      <c r="U227" s="3" t="s">
        <v>37</v>
      </c>
      <c r="V227" s="3" t="s">
        <v>37</v>
      </c>
    </row>
    <row r="228" spans="1:22" x14ac:dyDescent="0.25">
      <c r="A228" s="3" t="s">
        <v>988</v>
      </c>
      <c r="B228" s="4" t="s">
        <v>693</v>
      </c>
      <c r="C228" s="3" t="s">
        <v>694</v>
      </c>
      <c r="D228" s="5" t="s">
        <v>168</v>
      </c>
      <c r="E228" s="3" t="s">
        <v>1012</v>
      </c>
      <c r="F228" s="3" t="s">
        <v>1301</v>
      </c>
      <c r="G228" s="3" t="s">
        <v>380</v>
      </c>
      <c r="H228" s="3" t="s">
        <v>64</v>
      </c>
      <c r="I228" s="3" t="s">
        <v>1020</v>
      </c>
      <c r="J228" s="3" t="s">
        <v>1302</v>
      </c>
      <c r="K228" s="3" t="s">
        <v>32</v>
      </c>
      <c r="L228" s="3" t="s">
        <v>33</v>
      </c>
      <c r="M228" s="3" t="s">
        <v>1016</v>
      </c>
      <c r="N228" s="3" t="s">
        <v>79</v>
      </c>
      <c r="O228" s="3" t="s">
        <v>161</v>
      </c>
      <c r="P228" s="3" t="s">
        <v>37</v>
      </c>
      <c r="Q228" s="3" t="s">
        <v>37</v>
      </c>
      <c r="R228" s="3" t="s">
        <v>38</v>
      </c>
      <c r="S228" s="3" t="s">
        <v>1303</v>
      </c>
      <c r="T228" s="3" t="s">
        <v>37</v>
      </c>
      <c r="U228" s="3" t="s">
        <v>37</v>
      </c>
      <c r="V228" s="3" t="s">
        <v>37</v>
      </c>
    </row>
    <row r="229" spans="1:22" x14ac:dyDescent="0.25">
      <c r="A229" s="3" t="s">
        <v>988</v>
      </c>
      <c r="B229" s="4" t="s">
        <v>693</v>
      </c>
      <c r="C229" s="3" t="s">
        <v>694</v>
      </c>
      <c r="D229" s="5" t="s">
        <v>1344</v>
      </c>
      <c r="E229" s="3" t="s">
        <v>1012</v>
      </c>
      <c r="F229" s="3" t="s">
        <v>1034</v>
      </c>
      <c r="G229" s="3" t="s">
        <v>281</v>
      </c>
      <c r="H229" s="3" t="s">
        <v>64</v>
      </c>
      <c r="I229" s="3" t="s">
        <v>1020</v>
      </c>
      <c r="J229" s="3" t="s">
        <v>1035</v>
      </c>
      <c r="K229" s="3" t="s">
        <v>32</v>
      </c>
      <c r="L229" s="3" t="s">
        <v>33</v>
      </c>
      <c r="M229" s="3" t="s">
        <v>1016</v>
      </c>
      <c r="N229" s="3" t="s">
        <v>79</v>
      </c>
      <c r="O229" s="3" t="s">
        <v>161</v>
      </c>
      <c r="P229" s="3" t="s">
        <v>37</v>
      </c>
      <c r="Q229" s="3" t="s">
        <v>37</v>
      </c>
      <c r="R229" s="3" t="s">
        <v>38</v>
      </c>
      <c r="S229" s="3" t="s">
        <v>1036</v>
      </c>
      <c r="T229" s="3" t="s">
        <v>37</v>
      </c>
      <c r="U229" s="3" t="s">
        <v>37</v>
      </c>
      <c r="V229" s="3" t="s">
        <v>37</v>
      </c>
    </row>
    <row r="230" spans="1:22" x14ac:dyDescent="0.25">
      <c r="A230" s="3" t="s">
        <v>988</v>
      </c>
      <c r="B230" s="4" t="s">
        <v>693</v>
      </c>
      <c r="C230" s="3" t="s">
        <v>694</v>
      </c>
      <c r="D230" s="5" t="s">
        <v>1348</v>
      </c>
      <c r="E230" s="3" t="s">
        <v>1012</v>
      </c>
      <c r="F230" s="3" t="s">
        <v>1196</v>
      </c>
      <c r="G230" s="3" t="s">
        <v>283</v>
      </c>
      <c r="H230" s="3" t="s">
        <v>64</v>
      </c>
      <c r="I230" s="3" t="s">
        <v>1020</v>
      </c>
      <c r="J230" s="3" t="s">
        <v>1197</v>
      </c>
      <c r="K230" s="3" t="s">
        <v>32</v>
      </c>
      <c r="L230" s="3" t="s">
        <v>33</v>
      </c>
      <c r="M230" s="3" t="s">
        <v>1016</v>
      </c>
      <c r="N230" s="3" t="s">
        <v>79</v>
      </c>
      <c r="O230" s="3" t="s">
        <v>161</v>
      </c>
      <c r="P230" s="3" t="s">
        <v>37</v>
      </c>
      <c r="Q230" s="3" t="s">
        <v>37</v>
      </c>
      <c r="R230" s="3" t="s">
        <v>38</v>
      </c>
      <c r="S230" s="3" t="s">
        <v>1198</v>
      </c>
      <c r="T230" s="3" t="s">
        <v>37</v>
      </c>
      <c r="U230" s="3" t="s">
        <v>37</v>
      </c>
      <c r="V230" s="3" t="s">
        <v>37</v>
      </c>
    </row>
    <row r="231" spans="1:22" x14ac:dyDescent="0.25">
      <c r="A231" s="3" t="s">
        <v>988</v>
      </c>
      <c r="B231" s="4" t="s">
        <v>693</v>
      </c>
      <c r="C231" s="3" t="s">
        <v>694</v>
      </c>
      <c r="D231" s="5" t="s">
        <v>1131</v>
      </c>
      <c r="E231" s="3" t="s">
        <v>1012</v>
      </c>
      <c r="F231" s="3" t="s">
        <v>1031</v>
      </c>
      <c r="G231" s="3" t="s">
        <v>239</v>
      </c>
      <c r="H231" s="3" t="s">
        <v>64</v>
      </c>
      <c r="I231" s="3" t="s">
        <v>1020</v>
      </c>
      <c r="J231" s="3" t="s">
        <v>1032</v>
      </c>
      <c r="K231" s="3" t="s">
        <v>32</v>
      </c>
      <c r="L231" s="3" t="s">
        <v>33</v>
      </c>
      <c r="M231" s="3" t="s">
        <v>1016</v>
      </c>
      <c r="N231" s="3" t="s">
        <v>79</v>
      </c>
      <c r="O231" s="3" t="s">
        <v>161</v>
      </c>
      <c r="P231" s="3" t="s">
        <v>37</v>
      </c>
      <c r="Q231" s="3" t="s">
        <v>37</v>
      </c>
      <c r="R231" s="3" t="s">
        <v>38</v>
      </c>
      <c r="S231" s="3" t="s">
        <v>1033</v>
      </c>
      <c r="T231" s="3" t="s">
        <v>37</v>
      </c>
      <c r="U231" s="3" t="s">
        <v>37</v>
      </c>
      <c r="V231" s="3" t="s">
        <v>37</v>
      </c>
    </row>
    <row r="232" spans="1:22" x14ac:dyDescent="0.25">
      <c r="A232" s="3" t="s">
        <v>988</v>
      </c>
      <c r="B232" s="4" t="s">
        <v>693</v>
      </c>
      <c r="C232" s="3" t="s">
        <v>694</v>
      </c>
      <c r="D232" s="5" t="s">
        <v>177</v>
      </c>
      <c r="E232" s="3" t="s">
        <v>1012</v>
      </c>
      <c r="F232" s="3" t="s">
        <v>1013</v>
      </c>
      <c r="G232" s="3" t="s">
        <v>89</v>
      </c>
      <c r="H232" s="3" t="s">
        <v>64</v>
      </c>
      <c r="I232" s="3" t="s">
        <v>1014</v>
      </c>
      <c r="J232" s="3" t="s">
        <v>1015</v>
      </c>
      <c r="K232" s="3" t="s">
        <v>32</v>
      </c>
      <c r="L232" s="3" t="s">
        <v>33</v>
      </c>
      <c r="M232" s="3" t="s">
        <v>1016</v>
      </c>
      <c r="N232" s="3" t="s">
        <v>79</v>
      </c>
      <c r="O232" s="3" t="s">
        <v>161</v>
      </c>
      <c r="P232" s="3" t="s">
        <v>37</v>
      </c>
      <c r="Q232" s="3" t="s">
        <v>37</v>
      </c>
      <c r="R232" s="3" t="s">
        <v>38</v>
      </c>
      <c r="S232" s="3" t="s">
        <v>1017</v>
      </c>
      <c r="T232" s="3" t="s">
        <v>37</v>
      </c>
      <c r="U232" s="3" t="s">
        <v>37</v>
      </c>
      <c r="V232" s="3" t="s">
        <v>37</v>
      </c>
    </row>
    <row r="233" spans="1:22" x14ac:dyDescent="0.25">
      <c r="A233" s="3" t="s">
        <v>988</v>
      </c>
      <c r="B233" s="4" t="s">
        <v>693</v>
      </c>
      <c r="C233" s="3" t="s">
        <v>694</v>
      </c>
      <c r="D233" s="5" t="s">
        <v>1352</v>
      </c>
      <c r="E233" s="3" t="s">
        <v>1012</v>
      </c>
      <c r="F233" s="3" t="s">
        <v>1349</v>
      </c>
      <c r="G233" s="3" t="s">
        <v>465</v>
      </c>
      <c r="H233" s="3" t="s">
        <v>64</v>
      </c>
      <c r="I233" s="3" t="s">
        <v>1014</v>
      </c>
      <c r="J233" s="8" t="s">
        <v>1298</v>
      </c>
      <c r="K233" s="3" t="s">
        <v>32</v>
      </c>
      <c r="L233" s="3" t="s">
        <v>33</v>
      </c>
      <c r="M233" s="3" t="s">
        <v>1016</v>
      </c>
      <c r="N233" s="3" t="s">
        <v>79</v>
      </c>
      <c r="O233" s="3" t="s">
        <v>1350</v>
      </c>
      <c r="P233" s="3" t="s">
        <v>37</v>
      </c>
      <c r="Q233" s="3" t="s">
        <v>37</v>
      </c>
      <c r="R233" s="3" t="s">
        <v>38</v>
      </c>
      <c r="S233" s="3" t="s">
        <v>1351</v>
      </c>
      <c r="T233" s="3" t="s">
        <v>37</v>
      </c>
      <c r="U233" s="3" t="s">
        <v>37</v>
      </c>
      <c r="V233" s="3" t="s">
        <v>37</v>
      </c>
    </row>
    <row r="234" spans="1:22" x14ac:dyDescent="0.25">
      <c r="A234" s="3" t="s">
        <v>988</v>
      </c>
      <c r="B234" s="4" t="s">
        <v>693</v>
      </c>
      <c r="C234" s="3" t="s">
        <v>694</v>
      </c>
      <c r="D234" s="5" t="s">
        <v>1135</v>
      </c>
      <c r="E234" s="3" t="s">
        <v>1038</v>
      </c>
      <c r="F234" s="3" t="s">
        <v>1502</v>
      </c>
      <c r="G234" s="3" t="s">
        <v>1391</v>
      </c>
      <c r="H234" s="3" t="s">
        <v>77</v>
      </c>
      <c r="I234" s="3" t="s">
        <v>37</v>
      </c>
      <c r="J234" s="3" t="s">
        <v>1503</v>
      </c>
      <c r="K234" s="3" t="s">
        <v>32</v>
      </c>
      <c r="L234" s="3" t="s">
        <v>33</v>
      </c>
      <c r="M234" s="3" t="s">
        <v>66</v>
      </c>
      <c r="N234" s="3" t="s">
        <v>79</v>
      </c>
      <c r="O234" s="3" t="s">
        <v>80</v>
      </c>
      <c r="P234" s="3" t="s">
        <v>37</v>
      </c>
      <c r="Q234" s="3" t="s">
        <v>37</v>
      </c>
      <c r="R234" s="3" t="s">
        <v>38</v>
      </c>
      <c r="S234" s="3" t="s">
        <v>1504</v>
      </c>
      <c r="T234" s="3" t="s">
        <v>37</v>
      </c>
      <c r="U234" s="3" t="s">
        <v>37</v>
      </c>
      <c r="V234" s="3" t="s">
        <v>37</v>
      </c>
    </row>
    <row r="235" spans="1:22" x14ac:dyDescent="0.25">
      <c r="A235" s="3" t="s">
        <v>988</v>
      </c>
      <c r="B235" s="4" t="s">
        <v>693</v>
      </c>
      <c r="C235" s="3" t="s">
        <v>694</v>
      </c>
      <c r="D235" s="5" t="s">
        <v>1139</v>
      </c>
      <c r="E235" s="3" t="s">
        <v>1049</v>
      </c>
      <c r="F235" s="3" t="s">
        <v>1050</v>
      </c>
      <c r="G235" s="3" t="s">
        <v>239</v>
      </c>
      <c r="H235" s="3" t="s">
        <v>64</v>
      </c>
      <c r="I235" s="3" t="s">
        <v>37</v>
      </c>
      <c r="J235" s="3" t="s">
        <v>1051</v>
      </c>
      <c r="K235" s="3" t="s">
        <v>32</v>
      </c>
      <c r="L235" s="3" t="s">
        <v>33</v>
      </c>
      <c r="M235" s="3" t="s">
        <v>66</v>
      </c>
      <c r="N235" s="3" t="s">
        <v>79</v>
      </c>
      <c r="O235" s="3" t="s">
        <v>80</v>
      </c>
      <c r="P235" s="3" t="s">
        <v>37</v>
      </c>
      <c r="Q235" s="3" t="s">
        <v>37</v>
      </c>
      <c r="R235" s="3" t="s">
        <v>38</v>
      </c>
      <c r="S235" s="3" t="s">
        <v>1052</v>
      </c>
      <c r="T235" s="3" t="s">
        <v>37</v>
      </c>
      <c r="U235" s="3" t="s">
        <v>37</v>
      </c>
      <c r="V235" s="3" t="s">
        <v>37</v>
      </c>
    </row>
    <row r="236" spans="1:22" x14ac:dyDescent="0.25">
      <c r="A236" s="3" t="s">
        <v>988</v>
      </c>
      <c r="B236" s="4" t="s">
        <v>693</v>
      </c>
      <c r="C236" s="3" t="s">
        <v>694</v>
      </c>
      <c r="D236" s="5" t="s">
        <v>1143</v>
      </c>
      <c r="E236" s="3" t="s">
        <v>1126</v>
      </c>
      <c r="F236" s="3" t="s">
        <v>1505</v>
      </c>
      <c r="G236" s="3" t="s">
        <v>480</v>
      </c>
      <c r="H236" s="3" t="s">
        <v>29</v>
      </c>
      <c r="I236" s="3" t="s">
        <v>37</v>
      </c>
      <c r="J236" s="3" t="s">
        <v>1506</v>
      </c>
      <c r="K236" s="3" t="s">
        <v>32</v>
      </c>
      <c r="L236" s="3" t="s">
        <v>33</v>
      </c>
      <c r="M236" s="3" t="s">
        <v>66</v>
      </c>
      <c r="N236" s="3" t="s">
        <v>67</v>
      </c>
      <c r="O236" s="3" t="s">
        <v>80</v>
      </c>
      <c r="P236" s="3" t="s">
        <v>37</v>
      </c>
      <c r="Q236" s="3" t="s">
        <v>37</v>
      </c>
      <c r="R236" s="3" t="s">
        <v>38</v>
      </c>
      <c r="S236" s="3" t="s">
        <v>1507</v>
      </c>
      <c r="T236" s="3" t="s">
        <v>37</v>
      </c>
      <c r="U236" s="3" t="s">
        <v>37</v>
      </c>
      <c r="V236" s="3" t="s">
        <v>37</v>
      </c>
    </row>
    <row r="237" spans="1:22" x14ac:dyDescent="0.25">
      <c r="A237" s="3" t="s">
        <v>988</v>
      </c>
      <c r="B237" s="4" t="s">
        <v>693</v>
      </c>
      <c r="C237" s="3" t="s">
        <v>694</v>
      </c>
      <c r="D237" s="5" t="s">
        <v>1359</v>
      </c>
      <c r="E237" s="3" t="s">
        <v>540</v>
      </c>
      <c r="F237" s="3" t="s">
        <v>1508</v>
      </c>
      <c r="G237" s="3" t="s">
        <v>422</v>
      </c>
      <c r="H237" s="3" t="s">
        <v>29</v>
      </c>
      <c r="I237" s="3" t="s">
        <v>670</v>
      </c>
      <c r="J237" s="3" t="s">
        <v>1509</v>
      </c>
      <c r="K237" s="3" t="s">
        <v>32</v>
      </c>
      <c r="L237" s="3" t="s">
        <v>33</v>
      </c>
      <c r="M237" s="3" t="s">
        <v>34</v>
      </c>
      <c r="N237" s="3" t="s">
        <v>160</v>
      </c>
      <c r="O237" s="3" t="s">
        <v>80</v>
      </c>
      <c r="P237" s="3" t="s">
        <v>37</v>
      </c>
      <c r="Q237" s="3" t="s">
        <v>37</v>
      </c>
      <c r="R237" s="3" t="s">
        <v>38</v>
      </c>
      <c r="S237" s="3" t="s">
        <v>1510</v>
      </c>
      <c r="T237" s="3" t="s">
        <v>37</v>
      </c>
      <c r="U237" s="3" t="s">
        <v>37</v>
      </c>
      <c r="V237" s="3" t="s">
        <v>37</v>
      </c>
    </row>
    <row r="238" spans="1:22" x14ac:dyDescent="0.25">
      <c r="A238" s="3" t="s">
        <v>988</v>
      </c>
      <c r="B238" s="4" t="s">
        <v>693</v>
      </c>
      <c r="C238" s="3" t="s">
        <v>694</v>
      </c>
      <c r="D238" s="5" t="s">
        <v>1149</v>
      </c>
      <c r="E238" s="3" t="s">
        <v>1150</v>
      </c>
      <c r="F238" s="3" t="s">
        <v>1511</v>
      </c>
      <c r="G238" s="3" t="s">
        <v>1512</v>
      </c>
      <c r="H238" s="3" t="s">
        <v>77</v>
      </c>
      <c r="I238" s="3" t="s">
        <v>37</v>
      </c>
      <c r="J238" s="3" t="s">
        <v>1513</v>
      </c>
      <c r="K238" s="3" t="s">
        <v>32</v>
      </c>
      <c r="L238" s="3" t="s">
        <v>33</v>
      </c>
      <c r="M238" s="3" t="s">
        <v>66</v>
      </c>
      <c r="N238" s="3" t="s">
        <v>67</v>
      </c>
      <c r="O238" s="3" t="s">
        <v>52</v>
      </c>
      <c r="P238" s="3" t="s">
        <v>37</v>
      </c>
      <c r="Q238" s="3" t="s">
        <v>37</v>
      </c>
      <c r="R238" s="3" t="s">
        <v>38</v>
      </c>
      <c r="S238" s="3" t="s">
        <v>1514</v>
      </c>
      <c r="T238" s="3" t="s">
        <v>37</v>
      </c>
      <c r="U238" s="3" t="s">
        <v>37</v>
      </c>
      <c r="V238" s="3" t="s">
        <v>37</v>
      </c>
    </row>
    <row r="239" spans="1:22" x14ac:dyDescent="0.25">
      <c r="A239" s="3" t="s">
        <v>988</v>
      </c>
      <c r="B239" s="4" t="s">
        <v>693</v>
      </c>
      <c r="C239" s="3" t="s">
        <v>694</v>
      </c>
      <c r="D239" s="5" t="s">
        <v>207</v>
      </c>
      <c r="E239" s="3" t="s">
        <v>1154</v>
      </c>
      <c r="F239" s="3" t="s">
        <v>1515</v>
      </c>
      <c r="G239" s="3" t="s">
        <v>1516</v>
      </c>
      <c r="H239" s="3" t="s">
        <v>278</v>
      </c>
      <c r="I239" s="3" t="s">
        <v>1145</v>
      </c>
      <c r="J239" s="3" t="s">
        <v>1517</v>
      </c>
      <c r="K239" s="3" t="s">
        <v>32</v>
      </c>
      <c r="L239" s="3" t="s">
        <v>33</v>
      </c>
      <c r="M239" s="3" t="s">
        <v>66</v>
      </c>
      <c r="N239" s="3" t="s">
        <v>51</v>
      </c>
      <c r="O239" s="3" t="s">
        <v>36</v>
      </c>
      <c r="P239" s="3" t="s">
        <v>37</v>
      </c>
      <c r="Q239" s="3" t="s">
        <v>37</v>
      </c>
      <c r="R239" s="3" t="s">
        <v>38</v>
      </c>
      <c r="S239" s="3" t="s">
        <v>1518</v>
      </c>
      <c r="T239" s="3" t="s">
        <v>37</v>
      </c>
      <c r="U239" s="3" t="s">
        <v>37</v>
      </c>
      <c r="V239" s="3" t="s">
        <v>37</v>
      </c>
    </row>
    <row r="240" spans="1:22" x14ac:dyDescent="0.25">
      <c r="A240" s="3" t="s">
        <v>988</v>
      </c>
      <c r="B240" s="4" t="s">
        <v>693</v>
      </c>
      <c r="C240" s="3" t="s">
        <v>694</v>
      </c>
      <c r="D240" s="5" t="s">
        <v>1158</v>
      </c>
      <c r="E240" s="3" t="s">
        <v>1367</v>
      </c>
      <c r="F240" s="3" t="s">
        <v>1519</v>
      </c>
      <c r="G240" s="3" t="s">
        <v>646</v>
      </c>
      <c r="H240" s="3" t="s">
        <v>278</v>
      </c>
      <c r="I240" s="3" t="s">
        <v>1520</v>
      </c>
      <c r="J240" s="3" t="s">
        <v>1521</v>
      </c>
      <c r="K240" s="3" t="s">
        <v>32</v>
      </c>
      <c r="L240" s="3" t="s">
        <v>33</v>
      </c>
      <c r="M240" s="3" t="s">
        <v>66</v>
      </c>
      <c r="N240" s="3" t="s">
        <v>51</v>
      </c>
      <c r="O240" s="3" t="s">
        <v>80</v>
      </c>
      <c r="P240" s="3" t="s">
        <v>37</v>
      </c>
      <c r="Q240" s="3" t="s">
        <v>37</v>
      </c>
      <c r="R240" s="3" t="s">
        <v>38</v>
      </c>
      <c r="S240" s="3" t="s">
        <v>1522</v>
      </c>
      <c r="T240" s="3" t="s">
        <v>37</v>
      </c>
      <c r="U240" s="3" t="s">
        <v>37</v>
      </c>
      <c r="V240" s="3" t="s">
        <v>37</v>
      </c>
    </row>
    <row r="241" spans="1:22" x14ac:dyDescent="0.25">
      <c r="A241" s="3" t="s">
        <v>988</v>
      </c>
      <c r="B241" s="4" t="s">
        <v>693</v>
      </c>
      <c r="C241" s="3" t="s">
        <v>694</v>
      </c>
      <c r="D241" s="5" t="s">
        <v>539</v>
      </c>
      <c r="E241" s="3" t="s">
        <v>1012</v>
      </c>
      <c r="F241" s="3" t="s">
        <v>1333</v>
      </c>
      <c r="G241" s="3" t="s">
        <v>352</v>
      </c>
      <c r="H241" s="3" t="s">
        <v>64</v>
      </c>
      <c r="I241" s="3" t="s">
        <v>1014</v>
      </c>
      <c r="J241" s="3" t="s">
        <v>1334</v>
      </c>
      <c r="K241" s="3" t="s">
        <v>32</v>
      </c>
      <c r="L241" s="3" t="s">
        <v>33</v>
      </c>
      <c r="M241" s="3" t="s">
        <v>1016</v>
      </c>
      <c r="N241" s="3" t="s">
        <v>79</v>
      </c>
      <c r="O241" s="3" t="s">
        <v>161</v>
      </c>
      <c r="P241" s="3" t="s">
        <v>37</v>
      </c>
      <c r="Q241" s="3" t="s">
        <v>37</v>
      </c>
      <c r="R241" s="3" t="s">
        <v>38</v>
      </c>
      <c r="S241" s="3" t="s">
        <v>1335</v>
      </c>
      <c r="T241" s="3" t="s">
        <v>37</v>
      </c>
      <c r="U241" s="3" t="s">
        <v>37</v>
      </c>
      <c r="V241" s="3" t="s">
        <v>37</v>
      </c>
    </row>
    <row r="242" spans="1:22" x14ac:dyDescent="0.25">
      <c r="A242" s="3" t="s">
        <v>988</v>
      </c>
      <c r="B242" s="4" t="s">
        <v>693</v>
      </c>
      <c r="C242" s="3" t="s">
        <v>694</v>
      </c>
      <c r="D242" s="5" t="s">
        <v>1372</v>
      </c>
      <c r="E242" s="3" t="s">
        <v>1012</v>
      </c>
      <c r="F242" s="3" t="s">
        <v>1069</v>
      </c>
      <c r="G242" s="3" t="s">
        <v>132</v>
      </c>
      <c r="H242" s="3" t="s">
        <v>64</v>
      </c>
      <c r="I242" s="3" t="s">
        <v>1020</v>
      </c>
      <c r="J242" s="3" t="s">
        <v>1070</v>
      </c>
      <c r="K242" s="3" t="s">
        <v>32</v>
      </c>
      <c r="L242" s="3" t="s">
        <v>33</v>
      </c>
      <c r="M242" s="3" t="s">
        <v>1016</v>
      </c>
      <c r="N242" s="3" t="s">
        <v>79</v>
      </c>
      <c r="O242" s="3" t="s">
        <v>161</v>
      </c>
      <c r="P242" s="3" t="s">
        <v>37</v>
      </c>
      <c r="Q242" s="3" t="s">
        <v>37</v>
      </c>
      <c r="R242" s="3" t="s">
        <v>38</v>
      </c>
      <c r="S242" s="3" t="s">
        <v>1071</v>
      </c>
      <c r="T242" s="3" t="s">
        <v>37</v>
      </c>
      <c r="U242" s="3" t="s">
        <v>37</v>
      </c>
      <c r="V242" s="3" t="s">
        <v>37</v>
      </c>
    </row>
    <row r="243" spans="1:22" x14ac:dyDescent="0.25">
      <c r="A243" s="3" t="s">
        <v>988</v>
      </c>
      <c r="B243" s="4" t="s">
        <v>693</v>
      </c>
      <c r="C243" s="3" t="s">
        <v>694</v>
      </c>
      <c r="D243" s="5" t="s">
        <v>1376</v>
      </c>
      <c r="E243" s="3" t="s">
        <v>1012</v>
      </c>
      <c r="F243" s="3" t="s">
        <v>1470</v>
      </c>
      <c r="G243" s="3" t="s">
        <v>497</v>
      </c>
      <c r="H243" s="3" t="s">
        <v>64</v>
      </c>
      <c r="I243" s="3" t="s">
        <v>1020</v>
      </c>
      <c r="J243" s="8" t="s">
        <v>1298</v>
      </c>
      <c r="K243" s="3" t="s">
        <v>32</v>
      </c>
      <c r="L243" s="3" t="s">
        <v>33</v>
      </c>
      <c r="M243" s="3" t="s">
        <v>1016</v>
      </c>
      <c r="N243" s="3" t="s">
        <v>79</v>
      </c>
      <c r="O243" s="3" t="s">
        <v>161</v>
      </c>
      <c r="P243" s="3" t="s">
        <v>37</v>
      </c>
      <c r="Q243" s="3" t="s">
        <v>37</v>
      </c>
      <c r="R243" s="3" t="s">
        <v>38</v>
      </c>
      <c r="S243" s="3" t="s">
        <v>1471</v>
      </c>
      <c r="T243" s="3" t="s">
        <v>37</v>
      </c>
      <c r="U243" s="3" t="s">
        <v>37</v>
      </c>
      <c r="V243" s="3" t="s">
        <v>37</v>
      </c>
    </row>
    <row r="244" spans="1:22" x14ac:dyDescent="0.25">
      <c r="A244" s="3" t="s">
        <v>988</v>
      </c>
      <c r="B244" s="4" t="s">
        <v>693</v>
      </c>
      <c r="C244" s="3" t="s">
        <v>694</v>
      </c>
      <c r="D244" s="5" t="s">
        <v>211</v>
      </c>
      <c r="E244" s="3" t="s">
        <v>1007</v>
      </c>
      <c r="F244" s="3" t="s">
        <v>1054</v>
      </c>
      <c r="G244" s="3" t="s">
        <v>70</v>
      </c>
      <c r="H244" s="3" t="s">
        <v>64</v>
      </c>
      <c r="I244" s="3" t="s">
        <v>37</v>
      </c>
      <c r="J244" s="3" t="s">
        <v>1055</v>
      </c>
      <c r="K244" s="3" t="s">
        <v>32</v>
      </c>
      <c r="L244" s="3" t="s">
        <v>33</v>
      </c>
      <c r="M244" s="3" t="s">
        <v>66</v>
      </c>
      <c r="N244" s="3" t="s">
        <v>67</v>
      </c>
      <c r="O244" s="3" t="s">
        <v>52</v>
      </c>
      <c r="P244" s="3" t="s">
        <v>37</v>
      </c>
      <c r="Q244" s="3" t="s">
        <v>37</v>
      </c>
      <c r="R244" s="3" t="s">
        <v>38</v>
      </c>
      <c r="S244" s="3" t="s">
        <v>1056</v>
      </c>
      <c r="T244" s="3" t="s">
        <v>37</v>
      </c>
      <c r="U244" s="3" t="s">
        <v>37</v>
      </c>
      <c r="V244" s="3" t="s">
        <v>37</v>
      </c>
    </row>
    <row r="245" spans="1:22" x14ac:dyDescent="0.25">
      <c r="A245" s="3" t="s">
        <v>988</v>
      </c>
      <c r="B245" s="4" t="s">
        <v>693</v>
      </c>
      <c r="C245" s="3" t="s">
        <v>694</v>
      </c>
      <c r="D245" s="5" t="s">
        <v>216</v>
      </c>
      <c r="E245" s="3" t="s">
        <v>1049</v>
      </c>
      <c r="F245" s="3" t="s">
        <v>1050</v>
      </c>
      <c r="G245" s="3" t="s">
        <v>239</v>
      </c>
      <c r="H245" s="3" t="s">
        <v>64</v>
      </c>
      <c r="I245" s="3" t="s">
        <v>37</v>
      </c>
      <c r="J245" s="3" t="s">
        <v>1051</v>
      </c>
      <c r="K245" s="3" t="s">
        <v>32</v>
      </c>
      <c r="L245" s="3" t="s">
        <v>33</v>
      </c>
      <c r="M245" s="3" t="s">
        <v>66</v>
      </c>
      <c r="N245" s="3" t="s">
        <v>79</v>
      </c>
      <c r="O245" s="3" t="s">
        <v>80</v>
      </c>
      <c r="P245" s="3" t="s">
        <v>37</v>
      </c>
      <c r="Q245" s="3" t="s">
        <v>37</v>
      </c>
      <c r="R245" s="3" t="s">
        <v>38</v>
      </c>
      <c r="S245" s="3" t="s">
        <v>1052</v>
      </c>
      <c r="T245" s="3" t="s">
        <v>37</v>
      </c>
      <c r="U245" s="3" t="s">
        <v>37</v>
      </c>
      <c r="V245" s="3" t="s">
        <v>37</v>
      </c>
    </row>
    <row r="246" spans="1:22" x14ac:dyDescent="0.25">
      <c r="A246" s="3" t="s">
        <v>988</v>
      </c>
      <c r="B246" s="4" t="s">
        <v>693</v>
      </c>
      <c r="C246" s="3" t="s">
        <v>694</v>
      </c>
      <c r="D246" s="5" t="s">
        <v>394</v>
      </c>
      <c r="E246" s="3" t="s">
        <v>1126</v>
      </c>
      <c r="F246" s="3" t="s">
        <v>1523</v>
      </c>
      <c r="G246" s="3" t="s">
        <v>28</v>
      </c>
      <c r="H246" s="3" t="s">
        <v>29</v>
      </c>
      <c r="I246" s="3" t="s">
        <v>37</v>
      </c>
      <c r="J246" s="3" t="s">
        <v>1524</v>
      </c>
      <c r="K246" s="3" t="s">
        <v>32</v>
      </c>
      <c r="L246" s="3" t="s">
        <v>33</v>
      </c>
      <c r="M246" s="3" t="s">
        <v>66</v>
      </c>
      <c r="N246" s="3" t="s">
        <v>67</v>
      </c>
      <c r="O246" s="3" t="s">
        <v>80</v>
      </c>
      <c r="P246" s="3" t="s">
        <v>37</v>
      </c>
      <c r="Q246" s="3" t="s">
        <v>37</v>
      </c>
      <c r="R246" s="3" t="s">
        <v>38</v>
      </c>
      <c r="S246" s="3" t="s">
        <v>1525</v>
      </c>
      <c r="T246" s="3" t="s">
        <v>37</v>
      </c>
      <c r="U246" s="3" t="s">
        <v>37</v>
      </c>
      <c r="V246" s="3" t="s">
        <v>37</v>
      </c>
    </row>
    <row r="247" spans="1:22" x14ac:dyDescent="0.25">
      <c r="A247" s="3" t="s">
        <v>988</v>
      </c>
      <c r="B247" s="4" t="s">
        <v>693</v>
      </c>
      <c r="C247" s="3" t="s">
        <v>694</v>
      </c>
      <c r="D247" s="5" t="s">
        <v>225</v>
      </c>
      <c r="E247" s="3" t="s">
        <v>540</v>
      </c>
      <c r="F247" s="3" t="s">
        <v>1526</v>
      </c>
      <c r="G247" s="3" t="s">
        <v>165</v>
      </c>
      <c r="H247" s="3" t="s">
        <v>29</v>
      </c>
      <c r="I247" s="3" t="s">
        <v>670</v>
      </c>
      <c r="J247" s="3" t="s">
        <v>1527</v>
      </c>
      <c r="K247" s="3" t="s">
        <v>32</v>
      </c>
      <c r="L247" s="3" t="s">
        <v>37</v>
      </c>
      <c r="M247" s="3" t="s">
        <v>34</v>
      </c>
      <c r="N247" s="3" t="s">
        <v>160</v>
      </c>
      <c r="O247" s="3" t="s">
        <v>80</v>
      </c>
      <c r="P247" s="3" t="s">
        <v>37</v>
      </c>
      <c r="Q247" s="3" t="s">
        <v>37</v>
      </c>
      <c r="R247" s="3" t="s">
        <v>38</v>
      </c>
      <c r="S247" s="3" t="s">
        <v>1528</v>
      </c>
      <c r="T247" s="3" t="s">
        <v>37</v>
      </c>
      <c r="U247" s="3" t="s">
        <v>37</v>
      </c>
      <c r="V247" s="3" t="s">
        <v>37</v>
      </c>
    </row>
    <row r="248" spans="1:22" x14ac:dyDescent="0.25">
      <c r="A248" s="3" t="s">
        <v>988</v>
      </c>
      <c r="B248" s="4" t="s">
        <v>693</v>
      </c>
      <c r="C248" s="3" t="s">
        <v>694</v>
      </c>
      <c r="D248" s="5" t="s">
        <v>1171</v>
      </c>
      <c r="E248" s="3" t="s">
        <v>1150</v>
      </c>
      <c r="F248" s="3" t="s">
        <v>1361</v>
      </c>
      <c r="G248" s="3" t="s">
        <v>892</v>
      </c>
      <c r="H248" s="3" t="s">
        <v>77</v>
      </c>
      <c r="I248" s="3" t="s">
        <v>37</v>
      </c>
      <c r="J248" s="3" t="s">
        <v>1362</v>
      </c>
      <c r="K248" s="3" t="s">
        <v>32</v>
      </c>
      <c r="L248" s="3" t="s">
        <v>33</v>
      </c>
      <c r="M248" s="3" t="s">
        <v>66</v>
      </c>
      <c r="N248" s="3" t="s">
        <v>67</v>
      </c>
      <c r="O248" s="3" t="s">
        <v>52</v>
      </c>
      <c r="P248" s="3" t="s">
        <v>37</v>
      </c>
      <c r="Q248" s="3" t="s">
        <v>37</v>
      </c>
      <c r="R248" s="3" t="s">
        <v>38</v>
      </c>
      <c r="S248" s="3" t="s">
        <v>1363</v>
      </c>
      <c r="T248" s="3" t="s">
        <v>37</v>
      </c>
      <c r="U248" s="3" t="s">
        <v>37</v>
      </c>
      <c r="V248" s="3" t="s">
        <v>37</v>
      </c>
    </row>
    <row r="249" spans="1:22" x14ac:dyDescent="0.25">
      <c r="A249" s="3" t="s">
        <v>988</v>
      </c>
      <c r="B249" s="4" t="s">
        <v>693</v>
      </c>
      <c r="C249" s="3" t="s">
        <v>694</v>
      </c>
      <c r="D249" s="5" t="s">
        <v>236</v>
      </c>
      <c r="E249" s="3" t="s">
        <v>1154</v>
      </c>
      <c r="F249" s="3" t="s">
        <v>1529</v>
      </c>
      <c r="G249" s="3" t="s">
        <v>1530</v>
      </c>
      <c r="H249" s="3" t="s">
        <v>278</v>
      </c>
      <c r="I249" s="3" t="s">
        <v>37</v>
      </c>
      <c r="J249" s="3" t="s">
        <v>1531</v>
      </c>
      <c r="K249" s="3" t="s">
        <v>32</v>
      </c>
      <c r="L249" s="3" t="s">
        <v>33</v>
      </c>
      <c r="M249" s="3" t="s">
        <v>66</v>
      </c>
      <c r="N249" s="3" t="s">
        <v>51</v>
      </c>
      <c r="O249" s="3" t="s">
        <v>36</v>
      </c>
      <c r="P249" s="3" t="s">
        <v>37</v>
      </c>
      <c r="Q249" s="3" t="s">
        <v>37</v>
      </c>
      <c r="R249" s="3" t="s">
        <v>38</v>
      </c>
      <c r="S249" s="3" t="s">
        <v>1532</v>
      </c>
      <c r="T249" s="3" t="s">
        <v>37</v>
      </c>
      <c r="U249" s="3" t="s">
        <v>37</v>
      </c>
      <c r="V249" s="3" t="s">
        <v>37</v>
      </c>
    </row>
    <row r="250" spans="1:22" x14ac:dyDescent="0.25">
      <c r="A250" s="3" t="s">
        <v>988</v>
      </c>
      <c r="B250" s="4" t="s">
        <v>693</v>
      </c>
      <c r="C250" s="3" t="s">
        <v>694</v>
      </c>
      <c r="D250" s="5" t="s">
        <v>1175</v>
      </c>
      <c r="E250" s="3" t="s">
        <v>1001</v>
      </c>
      <c r="F250" s="3" t="s">
        <v>1533</v>
      </c>
      <c r="G250" s="3" t="s">
        <v>64</v>
      </c>
      <c r="H250" s="3" t="s">
        <v>64</v>
      </c>
      <c r="I250" s="3" t="s">
        <v>1003</v>
      </c>
      <c r="J250" s="3" t="s">
        <v>1534</v>
      </c>
      <c r="K250" s="3" t="s">
        <v>32</v>
      </c>
      <c r="L250" s="3" t="s">
        <v>33</v>
      </c>
      <c r="M250" s="3" t="s">
        <v>34</v>
      </c>
      <c r="N250" s="3" t="s">
        <v>67</v>
      </c>
      <c r="O250" s="3" t="s">
        <v>52</v>
      </c>
      <c r="P250" s="3" t="s">
        <v>37</v>
      </c>
      <c r="Q250" s="3" t="s">
        <v>37</v>
      </c>
      <c r="R250" s="3" t="s">
        <v>38</v>
      </c>
      <c r="S250" s="3" t="s">
        <v>1535</v>
      </c>
      <c r="T250" s="3" t="s">
        <v>37</v>
      </c>
      <c r="U250" s="3" t="s">
        <v>37</v>
      </c>
      <c r="V250" s="3" t="s">
        <v>37</v>
      </c>
    </row>
    <row r="251" spans="1:22" x14ac:dyDescent="0.25">
      <c r="A251" s="3"/>
      <c r="B251" s="4"/>
      <c r="C251" s="3"/>
      <c r="D251" s="5"/>
      <c r="E251" s="6" t="s">
        <v>1179</v>
      </c>
      <c r="F251" s="3"/>
      <c r="G251" s="3"/>
      <c r="H251" s="3"/>
      <c r="I251" s="3"/>
      <c r="J251" s="3"/>
      <c r="K251" s="3"/>
      <c r="L251" s="3"/>
      <c r="M251" s="3"/>
      <c r="N251" s="3"/>
      <c r="O251" s="3"/>
      <c r="P251" s="3"/>
      <c r="Q251" s="3"/>
      <c r="R251" s="3"/>
      <c r="S251" s="3"/>
      <c r="T251" s="3"/>
      <c r="U251" s="3"/>
      <c r="V251" s="3"/>
    </row>
    <row r="252" spans="1:22" x14ac:dyDescent="0.25">
      <c r="A252" s="3"/>
      <c r="B252" s="4"/>
      <c r="C252" s="3"/>
      <c r="D252" s="5"/>
      <c r="E252" s="3"/>
      <c r="F252" s="3"/>
      <c r="G252" s="3"/>
      <c r="H252" s="3"/>
      <c r="I252" s="3"/>
      <c r="J252" s="3"/>
      <c r="K252" s="3"/>
      <c r="L252" s="3"/>
      <c r="M252" s="3"/>
      <c r="N252" s="3"/>
      <c r="O252" s="3"/>
      <c r="P252" s="3"/>
      <c r="Q252" s="3"/>
      <c r="R252" s="3"/>
      <c r="S252" s="3"/>
      <c r="T252" s="3"/>
      <c r="U252" s="3"/>
      <c r="V252" s="3"/>
    </row>
    <row r="253" spans="1:22" x14ac:dyDescent="0.25">
      <c r="A253" s="3" t="s">
        <v>988</v>
      </c>
      <c r="B253" s="4" t="s">
        <v>786</v>
      </c>
      <c r="C253" s="3" t="s">
        <v>787</v>
      </c>
      <c r="D253" s="5" t="s">
        <v>25</v>
      </c>
      <c r="E253" s="3" t="s">
        <v>989</v>
      </c>
      <c r="F253" s="3" t="s">
        <v>1536</v>
      </c>
      <c r="G253" s="3" t="s">
        <v>1537</v>
      </c>
      <c r="H253" s="3" t="s">
        <v>77</v>
      </c>
      <c r="I253" s="3" t="s">
        <v>1387</v>
      </c>
      <c r="J253" s="3" t="s">
        <v>1538</v>
      </c>
      <c r="K253" s="3" t="s">
        <v>32</v>
      </c>
      <c r="L253" s="3" t="s">
        <v>33</v>
      </c>
      <c r="M253" s="3" t="s">
        <v>66</v>
      </c>
      <c r="N253" s="3" t="s">
        <v>993</v>
      </c>
      <c r="O253" s="3" t="s">
        <v>80</v>
      </c>
      <c r="P253" s="3" t="s">
        <v>37</v>
      </c>
      <c r="Q253" s="3" t="s">
        <v>37</v>
      </c>
      <c r="R253" s="3" t="s">
        <v>38</v>
      </c>
      <c r="S253" s="3" t="s">
        <v>1539</v>
      </c>
      <c r="T253" s="3" t="s">
        <v>37</v>
      </c>
      <c r="U253" s="3" t="s">
        <v>37</v>
      </c>
      <c r="V253" s="3" t="s">
        <v>37</v>
      </c>
    </row>
    <row r="254" spans="1:22" x14ac:dyDescent="0.25">
      <c r="A254" s="3" t="s">
        <v>988</v>
      </c>
      <c r="B254" s="4" t="s">
        <v>786</v>
      </c>
      <c r="C254" s="3" t="s">
        <v>787</v>
      </c>
      <c r="D254" s="5" t="s">
        <v>995</v>
      </c>
      <c r="E254" s="3" t="s">
        <v>989</v>
      </c>
      <c r="F254" s="3" t="s">
        <v>1540</v>
      </c>
      <c r="G254" s="3" t="s">
        <v>567</v>
      </c>
      <c r="H254" s="3" t="s">
        <v>77</v>
      </c>
      <c r="I254" s="3" t="s">
        <v>1541</v>
      </c>
      <c r="J254" s="3" t="s">
        <v>1542</v>
      </c>
      <c r="K254" s="3" t="s">
        <v>32</v>
      </c>
      <c r="L254" s="3" t="s">
        <v>33</v>
      </c>
      <c r="M254" s="3" t="s">
        <v>66</v>
      </c>
      <c r="N254" s="3" t="s">
        <v>993</v>
      </c>
      <c r="O254" s="3" t="s">
        <v>80</v>
      </c>
      <c r="P254" s="3" t="s">
        <v>37</v>
      </c>
      <c r="Q254" s="3" t="s">
        <v>37</v>
      </c>
      <c r="R254" s="3" t="s">
        <v>38</v>
      </c>
      <c r="S254" s="3" t="s">
        <v>1543</v>
      </c>
      <c r="T254" s="3" t="s">
        <v>37</v>
      </c>
      <c r="U254" s="3" t="s">
        <v>37</v>
      </c>
      <c r="V254" s="3" t="s">
        <v>37</v>
      </c>
    </row>
    <row r="255" spans="1:22" x14ac:dyDescent="0.25">
      <c r="A255" s="3" t="s">
        <v>988</v>
      </c>
      <c r="B255" s="4" t="s">
        <v>786</v>
      </c>
      <c r="C255" s="3" t="s">
        <v>787</v>
      </c>
      <c r="D255" s="5" t="s">
        <v>45</v>
      </c>
      <c r="E255" s="3" t="s">
        <v>1012</v>
      </c>
      <c r="F255" s="3" t="s">
        <v>1353</v>
      </c>
      <c r="G255" s="3" t="s">
        <v>505</v>
      </c>
      <c r="H255" s="3" t="s">
        <v>64</v>
      </c>
      <c r="I255" s="3" t="s">
        <v>1020</v>
      </c>
      <c r="J255" s="3" t="s">
        <v>1354</v>
      </c>
      <c r="K255" s="3" t="s">
        <v>32</v>
      </c>
      <c r="L255" s="3" t="s">
        <v>33</v>
      </c>
      <c r="M255" s="3" t="s">
        <v>1016</v>
      </c>
      <c r="N255" s="3" t="s">
        <v>79</v>
      </c>
      <c r="O255" s="3" t="s">
        <v>161</v>
      </c>
      <c r="P255" s="3" t="s">
        <v>37</v>
      </c>
      <c r="Q255" s="3" t="s">
        <v>37</v>
      </c>
      <c r="R255" s="3" t="s">
        <v>38</v>
      </c>
      <c r="S255" s="3" t="s">
        <v>1355</v>
      </c>
      <c r="T255" s="3" t="s">
        <v>37</v>
      </c>
      <c r="U255" s="3" t="s">
        <v>37</v>
      </c>
      <c r="V255" s="3" t="s">
        <v>37</v>
      </c>
    </row>
    <row r="256" spans="1:22" x14ac:dyDescent="0.25">
      <c r="A256" s="3" t="s">
        <v>988</v>
      </c>
      <c r="B256" s="4" t="s">
        <v>786</v>
      </c>
      <c r="C256" s="3" t="s">
        <v>787</v>
      </c>
      <c r="D256" s="5" t="s">
        <v>1286</v>
      </c>
      <c r="E256" s="3" t="s">
        <v>1012</v>
      </c>
      <c r="F256" s="3" t="s">
        <v>1199</v>
      </c>
      <c r="G256" s="3" t="s">
        <v>288</v>
      </c>
      <c r="H256" s="3" t="s">
        <v>64</v>
      </c>
      <c r="I256" s="3" t="s">
        <v>1020</v>
      </c>
      <c r="J256" s="3" t="s">
        <v>1200</v>
      </c>
      <c r="K256" s="3" t="s">
        <v>32</v>
      </c>
      <c r="L256" s="3" t="s">
        <v>33</v>
      </c>
      <c r="M256" s="3" t="s">
        <v>1016</v>
      </c>
      <c r="N256" s="3" t="s">
        <v>79</v>
      </c>
      <c r="O256" s="3" t="s">
        <v>161</v>
      </c>
      <c r="P256" s="3" t="s">
        <v>37</v>
      </c>
      <c r="Q256" s="3" t="s">
        <v>37</v>
      </c>
      <c r="R256" s="3" t="s">
        <v>38</v>
      </c>
      <c r="S256" s="3" t="s">
        <v>1201</v>
      </c>
      <c r="T256" s="3" t="s">
        <v>37</v>
      </c>
      <c r="U256" s="3" t="s">
        <v>37</v>
      </c>
      <c r="V256" s="3" t="s">
        <v>37</v>
      </c>
    </row>
    <row r="257" spans="1:22" x14ac:dyDescent="0.25">
      <c r="A257" s="3" t="s">
        <v>988</v>
      </c>
      <c r="B257" s="4" t="s">
        <v>786</v>
      </c>
      <c r="C257" s="3" t="s">
        <v>787</v>
      </c>
      <c r="D257" s="5" t="s">
        <v>696</v>
      </c>
      <c r="E257" s="3" t="s">
        <v>1012</v>
      </c>
      <c r="F257" s="3" t="s">
        <v>1019</v>
      </c>
      <c r="G257" s="3" t="s">
        <v>94</v>
      </c>
      <c r="H257" s="3" t="s">
        <v>64</v>
      </c>
      <c r="I257" s="3" t="s">
        <v>1020</v>
      </c>
      <c r="J257" s="3" t="s">
        <v>1021</v>
      </c>
      <c r="K257" s="3" t="s">
        <v>32</v>
      </c>
      <c r="L257" s="3" t="s">
        <v>33</v>
      </c>
      <c r="M257" s="3" t="s">
        <v>1016</v>
      </c>
      <c r="N257" s="3" t="s">
        <v>79</v>
      </c>
      <c r="O257" s="3" t="s">
        <v>161</v>
      </c>
      <c r="P257" s="3" t="s">
        <v>37</v>
      </c>
      <c r="Q257" s="3" t="s">
        <v>37</v>
      </c>
      <c r="R257" s="3" t="s">
        <v>38</v>
      </c>
      <c r="S257" s="3" t="s">
        <v>1022</v>
      </c>
      <c r="T257" s="3" t="s">
        <v>37</v>
      </c>
      <c r="U257" s="3" t="s">
        <v>37</v>
      </c>
      <c r="V257" s="3" t="s">
        <v>37</v>
      </c>
    </row>
    <row r="258" spans="1:22" x14ac:dyDescent="0.25">
      <c r="A258" s="3" t="s">
        <v>988</v>
      </c>
      <c r="B258" s="4" t="s">
        <v>786</v>
      </c>
      <c r="C258" s="3" t="s">
        <v>787</v>
      </c>
      <c r="D258" s="5" t="s">
        <v>1006</v>
      </c>
      <c r="E258" s="3" t="s">
        <v>1012</v>
      </c>
      <c r="F258" s="3" t="s">
        <v>1402</v>
      </c>
      <c r="G258" s="3" t="s">
        <v>480</v>
      </c>
      <c r="H258" s="3" t="s">
        <v>64</v>
      </c>
      <c r="I258" s="3" t="s">
        <v>1020</v>
      </c>
      <c r="J258" s="8" t="s">
        <v>1298</v>
      </c>
      <c r="K258" s="3" t="s">
        <v>32</v>
      </c>
      <c r="L258" s="3" t="s">
        <v>33</v>
      </c>
      <c r="M258" s="3" t="s">
        <v>1016</v>
      </c>
      <c r="N258" s="3" t="s">
        <v>79</v>
      </c>
      <c r="O258" s="3" t="s">
        <v>161</v>
      </c>
      <c r="P258" s="3" t="s">
        <v>37</v>
      </c>
      <c r="Q258" s="3" t="s">
        <v>37</v>
      </c>
      <c r="R258" s="3" t="s">
        <v>38</v>
      </c>
      <c r="S258" s="3" t="s">
        <v>1403</v>
      </c>
      <c r="T258" s="3" t="s">
        <v>37</v>
      </c>
      <c r="U258" s="3" t="s">
        <v>37</v>
      </c>
      <c r="V258" s="3" t="s">
        <v>37</v>
      </c>
    </row>
    <row r="259" spans="1:22" x14ac:dyDescent="0.25">
      <c r="A259" s="3" t="s">
        <v>988</v>
      </c>
      <c r="B259" s="4" t="s">
        <v>786</v>
      </c>
      <c r="C259" s="3" t="s">
        <v>787</v>
      </c>
      <c r="D259" s="5" t="s">
        <v>1296</v>
      </c>
      <c r="E259" s="3" t="s">
        <v>1012</v>
      </c>
      <c r="F259" s="3" t="s">
        <v>1202</v>
      </c>
      <c r="G259" s="3" t="s">
        <v>228</v>
      </c>
      <c r="H259" s="3" t="s">
        <v>64</v>
      </c>
      <c r="I259" s="3" t="s">
        <v>1020</v>
      </c>
      <c r="J259" s="3" t="s">
        <v>1203</v>
      </c>
      <c r="K259" s="3" t="s">
        <v>32</v>
      </c>
      <c r="L259" s="3" t="s">
        <v>33</v>
      </c>
      <c r="M259" s="3" t="s">
        <v>1016</v>
      </c>
      <c r="N259" s="3" t="s">
        <v>79</v>
      </c>
      <c r="O259" s="3" t="s">
        <v>161</v>
      </c>
      <c r="P259" s="3" t="s">
        <v>37</v>
      </c>
      <c r="Q259" s="3" t="s">
        <v>37</v>
      </c>
      <c r="R259" s="3" t="s">
        <v>38</v>
      </c>
      <c r="S259" s="3" t="s">
        <v>1204</v>
      </c>
      <c r="T259" s="3" t="s">
        <v>37</v>
      </c>
      <c r="U259" s="3" t="s">
        <v>37</v>
      </c>
      <c r="V259" s="3" t="s">
        <v>37</v>
      </c>
    </row>
    <row r="260" spans="1:22" x14ac:dyDescent="0.25">
      <c r="A260" s="3" t="s">
        <v>988</v>
      </c>
      <c r="B260" s="4" t="s">
        <v>786</v>
      </c>
      <c r="C260" s="3" t="s">
        <v>787</v>
      </c>
      <c r="D260" s="5" t="s">
        <v>1300</v>
      </c>
      <c r="E260" s="3" t="s">
        <v>1012</v>
      </c>
      <c r="F260" s="3" t="s">
        <v>1193</v>
      </c>
      <c r="G260" s="3" t="s">
        <v>315</v>
      </c>
      <c r="H260" s="3" t="s">
        <v>64</v>
      </c>
      <c r="I260" s="3" t="s">
        <v>1020</v>
      </c>
      <c r="J260" s="3" t="s">
        <v>1194</v>
      </c>
      <c r="K260" s="3" t="s">
        <v>32</v>
      </c>
      <c r="L260" s="3" t="s">
        <v>33</v>
      </c>
      <c r="M260" s="3" t="s">
        <v>1016</v>
      </c>
      <c r="N260" s="3" t="s">
        <v>79</v>
      </c>
      <c r="O260" s="3" t="s">
        <v>161</v>
      </c>
      <c r="P260" s="3" t="s">
        <v>37</v>
      </c>
      <c r="Q260" s="3" t="s">
        <v>37</v>
      </c>
      <c r="R260" s="3" t="s">
        <v>38</v>
      </c>
      <c r="S260" s="3" t="s">
        <v>1195</v>
      </c>
      <c r="T260" s="3" t="s">
        <v>37</v>
      </c>
      <c r="U260" s="3" t="s">
        <v>37</v>
      </c>
      <c r="V260" s="3" t="s">
        <v>37</v>
      </c>
    </row>
    <row r="261" spans="1:22" x14ac:dyDescent="0.25">
      <c r="A261" s="3" t="s">
        <v>988</v>
      </c>
      <c r="B261" s="4" t="s">
        <v>786</v>
      </c>
      <c r="C261" s="3" t="s">
        <v>787</v>
      </c>
      <c r="D261" s="5" t="s">
        <v>1011</v>
      </c>
      <c r="E261" s="3" t="s">
        <v>540</v>
      </c>
      <c r="F261" s="3" t="s">
        <v>1544</v>
      </c>
      <c r="G261" s="3" t="s">
        <v>170</v>
      </c>
      <c r="H261" s="3" t="s">
        <v>29</v>
      </c>
      <c r="I261" s="3" t="s">
        <v>670</v>
      </c>
      <c r="J261" s="3" t="s">
        <v>1545</v>
      </c>
      <c r="K261" s="3" t="s">
        <v>32</v>
      </c>
      <c r="L261" s="3" t="s">
        <v>37</v>
      </c>
      <c r="M261" s="3" t="s">
        <v>34</v>
      </c>
      <c r="N261" s="3" t="s">
        <v>160</v>
      </c>
      <c r="O261" s="3" t="s">
        <v>80</v>
      </c>
      <c r="P261" s="3" t="s">
        <v>37</v>
      </c>
      <c r="Q261" s="3" t="s">
        <v>37</v>
      </c>
      <c r="R261" s="3" t="s">
        <v>38</v>
      </c>
      <c r="S261" s="3" t="s">
        <v>1546</v>
      </c>
      <c r="T261" s="3" t="s">
        <v>37</v>
      </c>
      <c r="U261" s="3" t="s">
        <v>37</v>
      </c>
      <c r="V261" s="3" t="s">
        <v>37</v>
      </c>
    </row>
    <row r="262" spans="1:22" x14ac:dyDescent="0.25">
      <c r="A262" s="3" t="s">
        <v>988</v>
      </c>
      <c r="B262" s="4" t="s">
        <v>786</v>
      </c>
      <c r="C262" s="3" t="s">
        <v>787</v>
      </c>
      <c r="D262" s="5" t="s">
        <v>1026</v>
      </c>
      <c r="E262" s="3" t="s">
        <v>540</v>
      </c>
      <c r="F262" s="3" t="s">
        <v>1176</v>
      </c>
      <c r="G262" s="3" t="s">
        <v>84</v>
      </c>
      <c r="H262" s="3" t="s">
        <v>77</v>
      </c>
      <c r="I262" s="3" t="s">
        <v>670</v>
      </c>
      <c r="J262" s="3" t="s">
        <v>1177</v>
      </c>
      <c r="K262" s="3" t="s">
        <v>32</v>
      </c>
      <c r="L262" s="3" t="s">
        <v>33</v>
      </c>
      <c r="M262" s="3" t="s">
        <v>34</v>
      </c>
      <c r="N262" s="3" t="s">
        <v>79</v>
      </c>
      <c r="O262" s="3" t="s">
        <v>80</v>
      </c>
      <c r="P262" s="3" t="s">
        <v>37</v>
      </c>
      <c r="Q262" s="3" t="s">
        <v>37</v>
      </c>
      <c r="R262" s="3" t="s">
        <v>38</v>
      </c>
      <c r="S262" s="3" t="s">
        <v>1178</v>
      </c>
      <c r="T262" s="3" t="s">
        <v>37</v>
      </c>
      <c r="U262" s="3" t="s">
        <v>37</v>
      </c>
      <c r="V262" s="3" t="s">
        <v>37</v>
      </c>
    </row>
    <row r="263" spans="1:22" x14ac:dyDescent="0.25">
      <c r="A263" s="3" t="s">
        <v>988</v>
      </c>
      <c r="B263" s="4" t="s">
        <v>786</v>
      </c>
      <c r="C263" s="3" t="s">
        <v>787</v>
      </c>
      <c r="D263" s="5" t="s">
        <v>1037</v>
      </c>
      <c r="E263" s="3" t="s">
        <v>1144</v>
      </c>
      <c r="F263" s="3" t="s">
        <v>37</v>
      </c>
      <c r="G263" s="3">
        <v>1</v>
      </c>
      <c r="H263" s="3">
        <v>0</v>
      </c>
      <c r="I263" s="3" t="s">
        <v>1145</v>
      </c>
      <c r="J263" s="3" t="s">
        <v>1146</v>
      </c>
      <c r="K263" s="3" t="s">
        <v>33</v>
      </c>
      <c r="L263" s="3" t="s">
        <v>33</v>
      </c>
      <c r="M263" s="3" t="s">
        <v>66</v>
      </c>
      <c r="N263" s="3" t="s">
        <v>386</v>
      </c>
      <c r="O263" s="3" t="s">
        <v>1147</v>
      </c>
      <c r="P263" s="3" t="s">
        <v>37</v>
      </c>
      <c r="Q263" s="3" t="s">
        <v>37</v>
      </c>
      <c r="R263" s="3" t="s">
        <v>38</v>
      </c>
      <c r="S263" s="3" t="s">
        <v>1148</v>
      </c>
      <c r="T263" s="3" t="s">
        <v>37</v>
      </c>
      <c r="U263" s="3" t="s">
        <v>37</v>
      </c>
      <c r="V263" s="3" t="s">
        <v>37</v>
      </c>
    </row>
    <row r="264" spans="1:22" x14ac:dyDescent="0.25">
      <c r="A264" s="3" t="s">
        <v>988</v>
      </c>
      <c r="B264" s="4" t="s">
        <v>786</v>
      </c>
      <c r="C264" s="3" t="s">
        <v>787</v>
      </c>
      <c r="D264" s="5" t="s">
        <v>1048</v>
      </c>
      <c r="E264" s="3" t="s">
        <v>1007</v>
      </c>
      <c r="F264" s="3" t="s">
        <v>1547</v>
      </c>
      <c r="G264" s="3" t="s">
        <v>239</v>
      </c>
      <c r="H264" s="3" t="s">
        <v>64</v>
      </c>
      <c r="I264" s="3" t="s">
        <v>37</v>
      </c>
      <c r="J264" s="3" t="s">
        <v>1548</v>
      </c>
      <c r="K264" s="3" t="s">
        <v>32</v>
      </c>
      <c r="L264" s="3" t="s">
        <v>33</v>
      </c>
      <c r="M264" s="3" t="s">
        <v>66</v>
      </c>
      <c r="N264" s="3" t="s">
        <v>67</v>
      </c>
      <c r="O264" s="3" t="s">
        <v>52</v>
      </c>
      <c r="P264" s="3" t="s">
        <v>37</v>
      </c>
      <c r="Q264" s="3" t="s">
        <v>37</v>
      </c>
      <c r="R264" s="3" t="s">
        <v>38</v>
      </c>
      <c r="S264" s="3" t="s">
        <v>1549</v>
      </c>
      <c r="T264" s="3" t="s">
        <v>37</v>
      </c>
      <c r="U264" s="3" t="s">
        <v>37</v>
      </c>
      <c r="V264" s="3" t="s">
        <v>37</v>
      </c>
    </row>
    <row r="265" spans="1:22" x14ac:dyDescent="0.25">
      <c r="A265" s="3" t="s">
        <v>988</v>
      </c>
      <c r="B265" s="4" t="s">
        <v>786</v>
      </c>
      <c r="C265" s="3" t="s">
        <v>787</v>
      </c>
      <c r="D265" s="5" t="s">
        <v>1053</v>
      </c>
      <c r="E265" s="3" t="s">
        <v>1007</v>
      </c>
      <c r="F265" s="3" t="s">
        <v>1550</v>
      </c>
      <c r="G265" s="3" t="s">
        <v>315</v>
      </c>
      <c r="H265" s="3" t="s">
        <v>64</v>
      </c>
      <c r="I265" s="3" t="s">
        <v>37</v>
      </c>
      <c r="J265" s="3" t="s">
        <v>1551</v>
      </c>
      <c r="K265" s="3" t="s">
        <v>32</v>
      </c>
      <c r="L265" s="3" t="s">
        <v>33</v>
      </c>
      <c r="M265" s="3" t="s">
        <v>66</v>
      </c>
      <c r="N265" s="3" t="s">
        <v>67</v>
      </c>
      <c r="O265" s="3" t="s">
        <v>52</v>
      </c>
      <c r="P265" s="3" t="s">
        <v>37</v>
      </c>
      <c r="Q265" s="3" t="s">
        <v>37</v>
      </c>
      <c r="R265" s="3" t="s">
        <v>38</v>
      </c>
      <c r="S265" s="3" t="s">
        <v>1552</v>
      </c>
      <c r="T265" s="3" t="s">
        <v>37</v>
      </c>
      <c r="U265" s="3" t="s">
        <v>37</v>
      </c>
      <c r="V265" s="3" t="s">
        <v>37</v>
      </c>
    </row>
    <row r="266" spans="1:22" x14ac:dyDescent="0.25">
      <c r="A266" s="3" t="s">
        <v>988</v>
      </c>
      <c r="B266" s="4" t="s">
        <v>786</v>
      </c>
      <c r="C266" s="3" t="s">
        <v>787</v>
      </c>
      <c r="D266" s="5" t="s">
        <v>107</v>
      </c>
      <c r="E266" s="3" t="s">
        <v>1007</v>
      </c>
      <c r="F266" s="3" t="s">
        <v>1553</v>
      </c>
      <c r="G266" s="3" t="s">
        <v>283</v>
      </c>
      <c r="H266" s="3" t="s">
        <v>64</v>
      </c>
      <c r="I266" s="3" t="s">
        <v>37</v>
      </c>
      <c r="J266" s="3" t="s">
        <v>1554</v>
      </c>
      <c r="K266" s="3" t="s">
        <v>32</v>
      </c>
      <c r="L266" s="3" t="s">
        <v>33</v>
      </c>
      <c r="M266" s="3" t="s">
        <v>66</v>
      </c>
      <c r="N266" s="3" t="s">
        <v>67</v>
      </c>
      <c r="O266" s="3" t="s">
        <v>52</v>
      </c>
      <c r="P266" s="3" t="s">
        <v>37</v>
      </c>
      <c r="Q266" s="3" t="s">
        <v>37</v>
      </c>
      <c r="R266" s="3" t="s">
        <v>38</v>
      </c>
      <c r="S266" s="3" t="s">
        <v>1555</v>
      </c>
      <c r="T266" s="3" t="s">
        <v>37</v>
      </c>
      <c r="U266" s="3" t="s">
        <v>37</v>
      </c>
      <c r="V266" s="3" t="s">
        <v>37</v>
      </c>
    </row>
    <row r="267" spans="1:22" x14ac:dyDescent="0.25">
      <c r="A267" s="3" t="s">
        <v>988</v>
      </c>
      <c r="B267" s="4" t="s">
        <v>786</v>
      </c>
      <c r="C267" s="3" t="s">
        <v>787</v>
      </c>
      <c r="D267" s="5" t="s">
        <v>1318</v>
      </c>
      <c r="E267" s="3" t="s">
        <v>1007</v>
      </c>
      <c r="F267" s="3" t="s">
        <v>1556</v>
      </c>
      <c r="G267" s="3" t="s">
        <v>465</v>
      </c>
      <c r="H267" s="3" t="s">
        <v>64</v>
      </c>
      <c r="I267" s="3" t="s">
        <v>37</v>
      </c>
      <c r="J267" s="7" t="s">
        <v>1009</v>
      </c>
      <c r="K267" s="3" t="s">
        <v>32</v>
      </c>
      <c r="L267" s="3" t="s">
        <v>33</v>
      </c>
      <c r="M267" s="3" t="s">
        <v>66</v>
      </c>
      <c r="N267" s="3" t="s">
        <v>67</v>
      </c>
      <c r="O267" s="3" t="s">
        <v>52</v>
      </c>
      <c r="P267" s="3" t="s">
        <v>37</v>
      </c>
      <c r="Q267" s="3" t="s">
        <v>37</v>
      </c>
      <c r="R267" s="3" t="s">
        <v>38</v>
      </c>
      <c r="S267" s="3" t="s">
        <v>1557</v>
      </c>
      <c r="T267" s="3" t="s">
        <v>37</v>
      </c>
      <c r="U267" s="3" t="s">
        <v>37</v>
      </c>
      <c r="V267" s="3" t="s">
        <v>37</v>
      </c>
    </row>
    <row r="268" spans="1:22" x14ac:dyDescent="0.25">
      <c r="A268" s="3" t="s">
        <v>988</v>
      </c>
      <c r="B268" s="4" t="s">
        <v>786</v>
      </c>
      <c r="C268" s="3" t="s">
        <v>787</v>
      </c>
      <c r="D268" s="5" t="s">
        <v>1062</v>
      </c>
      <c r="E268" s="3" t="s">
        <v>540</v>
      </c>
      <c r="F268" s="3" t="s">
        <v>1558</v>
      </c>
      <c r="G268" s="3" t="s">
        <v>48</v>
      </c>
      <c r="H268" s="3" t="s">
        <v>29</v>
      </c>
      <c r="I268" s="3" t="s">
        <v>670</v>
      </c>
      <c r="J268" s="3" t="s">
        <v>1559</v>
      </c>
      <c r="K268" s="3" t="s">
        <v>32</v>
      </c>
      <c r="L268" s="3" t="s">
        <v>37</v>
      </c>
      <c r="M268" s="3" t="s">
        <v>34</v>
      </c>
      <c r="N268" s="3" t="s">
        <v>160</v>
      </c>
      <c r="O268" s="3" t="s">
        <v>80</v>
      </c>
      <c r="P268" s="3" t="s">
        <v>37</v>
      </c>
      <c r="Q268" s="3" t="s">
        <v>37</v>
      </c>
      <c r="R268" s="3" t="s">
        <v>38</v>
      </c>
      <c r="S268" s="3" t="s">
        <v>1560</v>
      </c>
      <c r="T268" s="3" t="s">
        <v>37</v>
      </c>
      <c r="U268" s="3" t="s">
        <v>37</v>
      </c>
      <c r="V268" s="3" t="s">
        <v>37</v>
      </c>
    </row>
    <row r="269" spans="1:22" x14ac:dyDescent="0.25">
      <c r="A269" s="3" t="s">
        <v>988</v>
      </c>
      <c r="B269" s="4" t="s">
        <v>786</v>
      </c>
      <c r="C269" s="3" t="s">
        <v>787</v>
      </c>
      <c r="D269" s="5" t="s">
        <v>483</v>
      </c>
      <c r="E269" s="3" t="s">
        <v>540</v>
      </c>
      <c r="F269" s="3" t="s">
        <v>1420</v>
      </c>
      <c r="G269" s="3" t="s">
        <v>222</v>
      </c>
      <c r="H269" s="3" t="s">
        <v>64</v>
      </c>
      <c r="I269" s="3" t="s">
        <v>1421</v>
      </c>
      <c r="J269" s="3" t="s">
        <v>1422</v>
      </c>
      <c r="K269" s="3" t="s">
        <v>32</v>
      </c>
      <c r="L269" s="3" t="s">
        <v>544</v>
      </c>
      <c r="M269" s="3" t="s">
        <v>34</v>
      </c>
      <c r="N269" s="3" t="s">
        <v>35</v>
      </c>
      <c r="O269" s="3" t="s">
        <v>80</v>
      </c>
      <c r="P269" s="3" t="s">
        <v>37</v>
      </c>
      <c r="Q269" s="3" t="s">
        <v>37</v>
      </c>
      <c r="R269" s="3" t="s">
        <v>38</v>
      </c>
      <c r="S269" s="3" t="s">
        <v>1423</v>
      </c>
      <c r="T269" s="3" t="s">
        <v>37</v>
      </c>
      <c r="U269" s="3" t="s">
        <v>37</v>
      </c>
      <c r="V269" s="3" t="s">
        <v>37</v>
      </c>
    </row>
    <row r="270" spans="1:22" x14ac:dyDescent="0.25">
      <c r="A270" s="3" t="s">
        <v>988</v>
      </c>
      <c r="B270" s="4" t="s">
        <v>786</v>
      </c>
      <c r="C270" s="3" t="s">
        <v>787</v>
      </c>
      <c r="D270" s="5" t="s">
        <v>130</v>
      </c>
      <c r="E270" s="3" t="s">
        <v>540</v>
      </c>
      <c r="F270" s="3" t="s">
        <v>1561</v>
      </c>
      <c r="G270" s="3" t="s">
        <v>189</v>
      </c>
      <c r="H270" s="3" t="s">
        <v>29</v>
      </c>
      <c r="I270" s="3" t="s">
        <v>670</v>
      </c>
      <c r="J270" s="3" t="s">
        <v>1562</v>
      </c>
      <c r="K270" s="3" t="s">
        <v>32</v>
      </c>
      <c r="L270" s="3" t="s">
        <v>37</v>
      </c>
      <c r="M270" s="3" t="s">
        <v>34</v>
      </c>
      <c r="N270" s="3" t="s">
        <v>160</v>
      </c>
      <c r="O270" s="3" t="s">
        <v>80</v>
      </c>
      <c r="P270" s="3" t="s">
        <v>37</v>
      </c>
      <c r="Q270" s="3" t="s">
        <v>37</v>
      </c>
      <c r="R270" s="3" t="s">
        <v>38</v>
      </c>
      <c r="S270" s="3" t="s">
        <v>1563</v>
      </c>
      <c r="T270" s="3" t="s">
        <v>37</v>
      </c>
      <c r="U270" s="3" t="s">
        <v>37</v>
      </c>
      <c r="V270" s="3" t="s">
        <v>37</v>
      </c>
    </row>
    <row r="271" spans="1:22" x14ac:dyDescent="0.25">
      <c r="A271" s="3" t="s">
        <v>988</v>
      </c>
      <c r="B271" s="4" t="s">
        <v>786</v>
      </c>
      <c r="C271" s="3" t="s">
        <v>787</v>
      </c>
      <c r="D271" s="5" t="s">
        <v>495</v>
      </c>
      <c r="E271" s="3" t="s">
        <v>540</v>
      </c>
      <c r="F271" s="3" t="s">
        <v>1564</v>
      </c>
      <c r="G271" s="3" t="s">
        <v>57</v>
      </c>
      <c r="H271" s="3" t="s">
        <v>29</v>
      </c>
      <c r="I271" s="3" t="s">
        <v>670</v>
      </c>
      <c r="J271" s="3" t="s">
        <v>1565</v>
      </c>
      <c r="K271" s="3" t="s">
        <v>32</v>
      </c>
      <c r="L271" s="3" t="s">
        <v>33</v>
      </c>
      <c r="M271" s="3" t="s">
        <v>34</v>
      </c>
      <c r="N271" s="3" t="s">
        <v>160</v>
      </c>
      <c r="O271" s="3" t="s">
        <v>80</v>
      </c>
      <c r="P271" s="3" t="s">
        <v>37</v>
      </c>
      <c r="Q271" s="3" t="s">
        <v>37</v>
      </c>
      <c r="R271" s="3" t="s">
        <v>38</v>
      </c>
      <c r="S271" s="3" t="s">
        <v>1566</v>
      </c>
      <c r="T271" s="3" t="s">
        <v>37</v>
      </c>
      <c r="U271" s="3" t="s">
        <v>37</v>
      </c>
      <c r="V271" s="3" t="s">
        <v>37</v>
      </c>
    </row>
    <row r="272" spans="1:22" x14ac:dyDescent="0.25">
      <c r="A272" s="3" t="s">
        <v>988</v>
      </c>
      <c r="B272" s="4" t="s">
        <v>786</v>
      </c>
      <c r="C272" s="3" t="s">
        <v>787</v>
      </c>
      <c r="D272" s="5" t="s">
        <v>140</v>
      </c>
      <c r="E272" s="3" t="s">
        <v>1012</v>
      </c>
      <c r="F272" s="3" t="s">
        <v>1394</v>
      </c>
      <c r="G272" s="3" t="s">
        <v>233</v>
      </c>
      <c r="H272" s="3" t="s">
        <v>64</v>
      </c>
      <c r="I272" s="3" t="s">
        <v>1014</v>
      </c>
      <c r="J272" s="3" t="s">
        <v>1395</v>
      </c>
      <c r="K272" s="3" t="s">
        <v>32</v>
      </c>
      <c r="L272" s="3" t="s">
        <v>33</v>
      </c>
      <c r="M272" s="3" t="s">
        <v>1016</v>
      </c>
      <c r="N272" s="3" t="s">
        <v>79</v>
      </c>
      <c r="O272" s="3" t="s">
        <v>161</v>
      </c>
      <c r="P272" s="3" t="s">
        <v>37</v>
      </c>
      <c r="Q272" s="3" t="s">
        <v>37</v>
      </c>
      <c r="R272" s="3" t="s">
        <v>38</v>
      </c>
      <c r="S272" s="3" t="s">
        <v>1396</v>
      </c>
      <c r="T272" s="3" t="s">
        <v>37</v>
      </c>
      <c r="U272" s="3" t="s">
        <v>37</v>
      </c>
      <c r="V272" s="3" t="s">
        <v>37</v>
      </c>
    </row>
    <row r="273" spans="1:22" x14ac:dyDescent="0.25">
      <c r="A273" s="3" t="s">
        <v>988</v>
      </c>
      <c r="B273" s="4" t="s">
        <v>786</v>
      </c>
      <c r="C273" s="3" t="s">
        <v>787</v>
      </c>
      <c r="D273" s="5" t="s">
        <v>738</v>
      </c>
      <c r="E273" s="3" t="s">
        <v>1012</v>
      </c>
      <c r="F273" s="3" t="s">
        <v>1208</v>
      </c>
      <c r="G273" s="3" t="s">
        <v>274</v>
      </c>
      <c r="H273" s="3" t="s">
        <v>64</v>
      </c>
      <c r="I273" s="3" t="s">
        <v>1014</v>
      </c>
      <c r="J273" s="3" t="s">
        <v>1209</v>
      </c>
      <c r="K273" s="3" t="s">
        <v>32</v>
      </c>
      <c r="L273" s="3" t="s">
        <v>33</v>
      </c>
      <c r="M273" s="3" t="s">
        <v>1016</v>
      </c>
      <c r="N273" s="3" t="s">
        <v>79</v>
      </c>
      <c r="O273" s="3" t="s">
        <v>161</v>
      </c>
      <c r="P273" s="3" t="s">
        <v>37</v>
      </c>
      <c r="Q273" s="3" t="s">
        <v>37</v>
      </c>
      <c r="R273" s="3" t="s">
        <v>38</v>
      </c>
      <c r="S273" s="3" t="s">
        <v>1210</v>
      </c>
      <c r="T273" s="3" t="s">
        <v>37</v>
      </c>
      <c r="U273" s="3" t="s">
        <v>37</v>
      </c>
      <c r="V273" s="3" t="s">
        <v>37</v>
      </c>
    </row>
    <row r="274" spans="1:22" x14ac:dyDescent="0.25">
      <c r="A274" s="3" t="s">
        <v>988</v>
      </c>
      <c r="B274" s="4" t="s">
        <v>786</v>
      </c>
      <c r="C274" s="3" t="s">
        <v>787</v>
      </c>
      <c r="D274" s="5" t="s">
        <v>1109</v>
      </c>
      <c r="E274" s="3" t="s">
        <v>1012</v>
      </c>
      <c r="F274" s="3" t="s">
        <v>1400</v>
      </c>
      <c r="G274" s="3" t="s">
        <v>475</v>
      </c>
      <c r="H274" s="3" t="s">
        <v>64</v>
      </c>
      <c r="I274" s="3" t="s">
        <v>1020</v>
      </c>
      <c r="J274" s="8" t="s">
        <v>1298</v>
      </c>
      <c r="K274" s="3" t="s">
        <v>32</v>
      </c>
      <c r="L274" s="3" t="s">
        <v>33</v>
      </c>
      <c r="M274" s="3" t="s">
        <v>1016</v>
      </c>
      <c r="N274" s="3" t="s">
        <v>79</v>
      </c>
      <c r="O274" s="3" t="s">
        <v>161</v>
      </c>
      <c r="P274" s="3" t="s">
        <v>37</v>
      </c>
      <c r="Q274" s="3" t="s">
        <v>37</v>
      </c>
      <c r="R274" s="3" t="s">
        <v>38</v>
      </c>
      <c r="S274" s="3" t="s">
        <v>1401</v>
      </c>
      <c r="T274" s="3" t="s">
        <v>37</v>
      </c>
      <c r="U274" s="3" t="s">
        <v>37</v>
      </c>
      <c r="V274" s="3" t="s">
        <v>37</v>
      </c>
    </row>
    <row r="275" spans="1:22" x14ac:dyDescent="0.25">
      <c r="A275" s="3" t="s">
        <v>988</v>
      </c>
      <c r="B275" s="4" t="s">
        <v>786</v>
      </c>
      <c r="C275" s="3" t="s">
        <v>787</v>
      </c>
      <c r="D275" s="5" t="s">
        <v>503</v>
      </c>
      <c r="E275" s="3" t="s">
        <v>1012</v>
      </c>
      <c r="F275" s="3" t="s">
        <v>1345</v>
      </c>
      <c r="G275" s="3" t="s">
        <v>63</v>
      </c>
      <c r="H275" s="3" t="s">
        <v>64</v>
      </c>
      <c r="I275" s="3" t="s">
        <v>1020</v>
      </c>
      <c r="J275" s="3" t="s">
        <v>1346</v>
      </c>
      <c r="K275" s="3" t="s">
        <v>32</v>
      </c>
      <c r="L275" s="3" t="s">
        <v>33</v>
      </c>
      <c r="M275" s="3" t="s">
        <v>1016</v>
      </c>
      <c r="N275" s="3" t="s">
        <v>79</v>
      </c>
      <c r="O275" s="3" t="s">
        <v>161</v>
      </c>
      <c r="P275" s="3" t="s">
        <v>37</v>
      </c>
      <c r="Q275" s="3" t="s">
        <v>37</v>
      </c>
      <c r="R275" s="3" t="s">
        <v>38</v>
      </c>
      <c r="S275" s="3" t="s">
        <v>1347</v>
      </c>
      <c r="T275" s="3" t="s">
        <v>37</v>
      </c>
      <c r="U275" s="3" t="s">
        <v>37</v>
      </c>
      <c r="V275" s="3" t="s">
        <v>37</v>
      </c>
    </row>
    <row r="276" spans="1:22" x14ac:dyDescent="0.25">
      <c r="A276" s="3" t="s">
        <v>988</v>
      </c>
      <c r="B276" s="4" t="s">
        <v>786</v>
      </c>
      <c r="C276" s="3" t="s">
        <v>787</v>
      </c>
      <c r="D276" s="5" t="s">
        <v>1116</v>
      </c>
      <c r="E276" s="3" t="s">
        <v>1012</v>
      </c>
      <c r="F276" s="3" t="s">
        <v>1063</v>
      </c>
      <c r="G276" s="3" t="s">
        <v>28</v>
      </c>
      <c r="H276" s="3" t="s">
        <v>64</v>
      </c>
      <c r="I276" s="3" t="s">
        <v>1014</v>
      </c>
      <c r="J276" s="3" t="s">
        <v>1064</v>
      </c>
      <c r="K276" s="3" t="s">
        <v>32</v>
      </c>
      <c r="L276" s="3" t="s">
        <v>33</v>
      </c>
      <c r="M276" s="3" t="s">
        <v>1016</v>
      </c>
      <c r="N276" s="3" t="s">
        <v>79</v>
      </c>
      <c r="O276" s="3" t="s">
        <v>161</v>
      </c>
      <c r="P276" s="3" t="s">
        <v>37</v>
      </c>
      <c r="Q276" s="3" t="s">
        <v>37</v>
      </c>
      <c r="R276" s="3" t="s">
        <v>38</v>
      </c>
      <c r="S276" s="3" t="s">
        <v>1065</v>
      </c>
      <c r="T276" s="3" t="s">
        <v>37</v>
      </c>
      <c r="U276" s="3" t="s">
        <v>37</v>
      </c>
      <c r="V276" s="3" t="s">
        <v>37</v>
      </c>
    </row>
    <row r="277" spans="1:22" x14ac:dyDescent="0.25">
      <c r="A277" s="3" t="s">
        <v>988</v>
      </c>
      <c r="B277" s="4" t="s">
        <v>786</v>
      </c>
      <c r="C277" s="3" t="s">
        <v>787</v>
      </c>
      <c r="D277" s="5" t="s">
        <v>152</v>
      </c>
      <c r="E277" s="3" t="s">
        <v>1012</v>
      </c>
      <c r="F277" s="3" t="s">
        <v>1066</v>
      </c>
      <c r="G277" s="3" t="s">
        <v>42</v>
      </c>
      <c r="H277" s="3" t="s">
        <v>64</v>
      </c>
      <c r="I277" s="3" t="s">
        <v>1014</v>
      </c>
      <c r="J277" s="3" t="s">
        <v>1067</v>
      </c>
      <c r="K277" s="3" t="s">
        <v>32</v>
      </c>
      <c r="L277" s="3" t="s">
        <v>33</v>
      </c>
      <c r="M277" s="3" t="s">
        <v>1016</v>
      </c>
      <c r="N277" s="3" t="s">
        <v>79</v>
      </c>
      <c r="O277" s="3" t="s">
        <v>161</v>
      </c>
      <c r="P277" s="3" t="s">
        <v>37</v>
      </c>
      <c r="Q277" s="3" t="s">
        <v>37</v>
      </c>
      <c r="R277" s="3" t="s">
        <v>38</v>
      </c>
      <c r="S277" s="3" t="s">
        <v>1068</v>
      </c>
      <c r="T277" s="3" t="s">
        <v>37</v>
      </c>
      <c r="U277" s="3" t="s">
        <v>37</v>
      </c>
      <c r="V277" s="3" t="s">
        <v>37</v>
      </c>
    </row>
    <row r="278" spans="1:22" x14ac:dyDescent="0.25">
      <c r="A278" s="3" t="s">
        <v>988</v>
      </c>
      <c r="B278" s="4" t="s">
        <v>786</v>
      </c>
      <c r="C278" s="3" t="s">
        <v>787</v>
      </c>
      <c r="D278" s="5" t="s">
        <v>154</v>
      </c>
      <c r="E278" s="3" t="s">
        <v>1012</v>
      </c>
      <c r="F278" s="3" t="s">
        <v>1079</v>
      </c>
      <c r="G278" s="3" t="s">
        <v>408</v>
      </c>
      <c r="H278" s="3" t="s">
        <v>64</v>
      </c>
      <c r="I278" s="3" t="s">
        <v>1014</v>
      </c>
      <c r="J278" s="3" t="s">
        <v>1080</v>
      </c>
      <c r="K278" s="3" t="s">
        <v>32</v>
      </c>
      <c r="L278" s="3" t="s">
        <v>33</v>
      </c>
      <c r="M278" s="3" t="s">
        <v>1016</v>
      </c>
      <c r="N278" s="3" t="s">
        <v>79</v>
      </c>
      <c r="O278" s="3" t="s">
        <v>161</v>
      </c>
      <c r="P278" s="3" t="s">
        <v>37</v>
      </c>
      <c r="Q278" s="3" t="s">
        <v>37</v>
      </c>
      <c r="R278" s="3" t="s">
        <v>38</v>
      </c>
      <c r="S278" s="3" t="s">
        <v>1081</v>
      </c>
      <c r="T278" s="3" t="s">
        <v>37</v>
      </c>
      <c r="U278" s="3" t="s">
        <v>37</v>
      </c>
      <c r="V278" s="3" t="s">
        <v>37</v>
      </c>
    </row>
    <row r="279" spans="1:22" x14ac:dyDescent="0.25">
      <c r="A279" s="3" t="s">
        <v>988</v>
      </c>
      <c r="B279" s="4" t="s">
        <v>786</v>
      </c>
      <c r="C279" s="3" t="s">
        <v>787</v>
      </c>
      <c r="D279" s="5" t="s">
        <v>1336</v>
      </c>
      <c r="E279" s="3" t="s">
        <v>1012</v>
      </c>
      <c r="F279" s="3" t="s">
        <v>1072</v>
      </c>
      <c r="G279" s="3" t="s">
        <v>137</v>
      </c>
      <c r="H279" s="3" t="s">
        <v>64</v>
      </c>
      <c r="I279" s="3" t="s">
        <v>1020</v>
      </c>
      <c r="J279" s="3" t="s">
        <v>1073</v>
      </c>
      <c r="K279" s="3" t="s">
        <v>32</v>
      </c>
      <c r="L279" s="3" t="s">
        <v>33</v>
      </c>
      <c r="M279" s="3" t="s">
        <v>1016</v>
      </c>
      <c r="N279" s="3" t="s">
        <v>79</v>
      </c>
      <c r="O279" s="3" t="s">
        <v>161</v>
      </c>
      <c r="P279" s="3" t="s">
        <v>37</v>
      </c>
      <c r="Q279" s="3" t="s">
        <v>37</v>
      </c>
      <c r="R279" s="3" t="s">
        <v>38</v>
      </c>
      <c r="S279" s="3" t="s">
        <v>1074</v>
      </c>
      <c r="T279" s="3" t="s">
        <v>37</v>
      </c>
      <c r="U279" s="3" t="s">
        <v>37</v>
      </c>
      <c r="V279" s="3" t="s">
        <v>37</v>
      </c>
    </row>
    <row r="280" spans="1:22" x14ac:dyDescent="0.25">
      <c r="A280" s="3" t="s">
        <v>988</v>
      </c>
      <c r="B280" s="4" t="s">
        <v>786</v>
      </c>
      <c r="C280" s="3" t="s">
        <v>787</v>
      </c>
      <c r="D280" s="5" t="s">
        <v>1340</v>
      </c>
      <c r="E280" s="3" t="s">
        <v>1012</v>
      </c>
      <c r="F280" s="3" t="s">
        <v>1467</v>
      </c>
      <c r="G280" s="3" t="s">
        <v>430</v>
      </c>
      <c r="H280" s="3" t="s">
        <v>64</v>
      </c>
      <c r="I280" s="3" t="s">
        <v>1020</v>
      </c>
      <c r="J280" s="3" t="s">
        <v>1468</v>
      </c>
      <c r="K280" s="3" t="s">
        <v>32</v>
      </c>
      <c r="L280" s="3" t="s">
        <v>33</v>
      </c>
      <c r="M280" s="3" t="s">
        <v>1016</v>
      </c>
      <c r="N280" s="3" t="s">
        <v>79</v>
      </c>
      <c r="O280" s="3" t="s">
        <v>161</v>
      </c>
      <c r="P280" s="3" t="s">
        <v>37</v>
      </c>
      <c r="Q280" s="3" t="s">
        <v>37</v>
      </c>
      <c r="R280" s="3" t="s">
        <v>38</v>
      </c>
      <c r="S280" s="3" t="s">
        <v>1469</v>
      </c>
      <c r="T280" s="3" t="s">
        <v>37</v>
      </c>
      <c r="U280" s="3" t="s">
        <v>37</v>
      </c>
      <c r="V280" s="3" t="s">
        <v>37</v>
      </c>
    </row>
    <row r="281" spans="1:22" x14ac:dyDescent="0.25">
      <c r="A281" s="3" t="s">
        <v>988</v>
      </c>
      <c r="B281" s="4" t="s">
        <v>786</v>
      </c>
      <c r="C281" s="3" t="s">
        <v>787</v>
      </c>
      <c r="D281" s="5" t="s">
        <v>168</v>
      </c>
      <c r="E281" s="3" t="s">
        <v>540</v>
      </c>
      <c r="F281" s="3" t="s">
        <v>1567</v>
      </c>
      <c r="G281" s="3" t="s">
        <v>233</v>
      </c>
      <c r="H281" s="3" t="s">
        <v>64</v>
      </c>
      <c r="I281" s="3" t="s">
        <v>1568</v>
      </c>
      <c r="J281" s="3" t="s">
        <v>1569</v>
      </c>
      <c r="K281" s="3" t="s">
        <v>32</v>
      </c>
      <c r="L281" s="3" t="s">
        <v>33</v>
      </c>
      <c r="M281" s="3" t="s">
        <v>34</v>
      </c>
      <c r="N281" s="3" t="s">
        <v>35</v>
      </c>
      <c r="O281" s="3" t="s">
        <v>1570</v>
      </c>
      <c r="P281" s="3" t="s">
        <v>37</v>
      </c>
      <c r="Q281" s="3" t="s">
        <v>37</v>
      </c>
      <c r="R281" s="3" t="s">
        <v>38</v>
      </c>
      <c r="S281" s="3" t="s">
        <v>1571</v>
      </c>
      <c r="T281" s="3" t="s">
        <v>37</v>
      </c>
      <c r="U281" s="3" t="s">
        <v>37</v>
      </c>
      <c r="V281" s="3" t="s">
        <v>37</v>
      </c>
    </row>
    <row r="282" spans="1:22" x14ac:dyDescent="0.25">
      <c r="A282" s="3" t="s">
        <v>988</v>
      </c>
      <c r="B282" s="4" t="s">
        <v>786</v>
      </c>
      <c r="C282" s="3" t="s">
        <v>787</v>
      </c>
      <c r="D282" s="5" t="s">
        <v>173</v>
      </c>
      <c r="E282" s="3" t="s">
        <v>1572</v>
      </c>
      <c r="F282" s="3" t="s">
        <v>1573</v>
      </c>
      <c r="G282" s="3" t="s">
        <v>222</v>
      </c>
      <c r="H282" s="3" t="s">
        <v>64</v>
      </c>
      <c r="I282" s="3" t="s">
        <v>37</v>
      </c>
      <c r="J282" s="3" t="s">
        <v>1574</v>
      </c>
      <c r="K282" s="3" t="s">
        <v>32</v>
      </c>
      <c r="L282" s="3" t="s">
        <v>1575</v>
      </c>
      <c r="M282" s="3" t="s">
        <v>34</v>
      </c>
      <c r="N282" s="3" t="s">
        <v>51</v>
      </c>
      <c r="O282" s="3" t="s">
        <v>1576</v>
      </c>
      <c r="P282" s="3" t="s">
        <v>37</v>
      </c>
      <c r="Q282" s="3" t="s">
        <v>37</v>
      </c>
      <c r="R282" s="3" t="s">
        <v>38</v>
      </c>
      <c r="S282" s="3" t="s">
        <v>1577</v>
      </c>
      <c r="T282" s="3" t="s">
        <v>37</v>
      </c>
      <c r="U282" s="3" t="s">
        <v>37</v>
      </c>
      <c r="V282" s="3" t="s">
        <v>37</v>
      </c>
    </row>
    <row r="283" spans="1:22" x14ac:dyDescent="0.25">
      <c r="A283" s="3" t="s">
        <v>988</v>
      </c>
      <c r="B283" s="4" t="s">
        <v>786</v>
      </c>
      <c r="C283" s="3" t="s">
        <v>787</v>
      </c>
      <c r="D283" s="5" t="s">
        <v>1131</v>
      </c>
      <c r="E283" s="3" t="s">
        <v>1012</v>
      </c>
      <c r="F283" s="3" t="s">
        <v>1117</v>
      </c>
      <c r="G283" s="3" t="s">
        <v>270</v>
      </c>
      <c r="H283" s="3" t="s">
        <v>64</v>
      </c>
      <c r="I283" s="3" t="s">
        <v>1020</v>
      </c>
      <c r="J283" s="3" t="s">
        <v>1118</v>
      </c>
      <c r="K283" s="3" t="s">
        <v>32</v>
      </c>
      <c r="L283" s="3" t="s">
        <v>33</v>
      </c>
      <c r="M283" s="3" t="s">
        <v>1016</v>
      </c>
      <c r="N283" s="3" t="s">
        <v>79</v>
      </c>
      <c r="O283" s="3" t="s">
        <v>161</v>
      </c>
      <c r="P283" s="3" t="s">
        <v>37</v>
      </c>
      <c r="Q283" s="3" t="s">
        <v>37</v>
      </c>
      <c r="R283" s="3" t="s">
        <v>38</v>
      </c>
      <c r="S283" s="3" t="s">
        <v>1119</v>
      </c>
      <c r="T283" s="3" t="s">
        <v>37</v>
      </c>
      <c r="U283" s="3" t="s">
        <v>37</v>
      </c>
      <c r="V283" s="3" t="s">
        <v>37</v>
      </c>
    </row>
    <row r="284" spans="1:22" x14ac:dyDescent="0.25">
      <c r="A284" s="3" t="s">
        <v>988</v>
      </c>
      <c r="B284" s="4" t="s">
        <v>786</v>
      </c>
      <c r="C284" s="3" t="s">
        <v>787</v>
      </c>
      <c r="D284" s="5" t="s">
        <v>177</v>
      </c>
      <c r="E284" s="3" t="s">
        <v>1012</v>
      </c>
      <c r="F284" s="3" t="s">
        <v>1089</v>
      </c>
      <c r="G284" s="3" t="s">
        <v>422</v>
      </c>
      <c r="H284" s="3" t="s">
        <v>64</v>
      </c>
      <c r="I284" s="3" t="s">
        <v>1014</v>
      </c>
      <c r="J284" s="3" t="s">
        <v>1090</v>
      </c>
      <c r="K284" s="3" t="s">
        <v>32</v>
      </c>
      <c r="L284" s="3" t="s">
        <v>33</v>
      </c>
      <c r="M284" s="3" t="s">
        <v>1016</v>
      </c>
      <c r="N284" s="3" t="s">
        <v>79</v>
      </c>
      <c r="O284" s="3" t="s">
        <v>161</v>
      </c>
      <c r="P284" s="3" t="s">
        <v>37</v>
      </c>
      <c r="Q284" s="3" t="s">
        <v>37</v>
      </c>
      <c r="R284" s="3" t="s">
        <v>38</v>
      </c>
      <c r="S284" s="3" t="s">
        <v>1091</v>
      </c>
      <c r="T284" s="3" t="s">
        <v>37</v>
      </c>
      <c r="U284" s="3" t="s">
        <v>37</v>
      </c>
      <c r="V284" s="3" t="s">
        <v>37</v>
      </c>
    </row>
    <row r="285" spans="1:22" x14ac:dyDescent="0.25">
      <c r="A285" s="3" t="s">
        <v>988</v>
      </c>
      <c r="B285" s="4" t="s">
        <v>786</v>
      </c>
      <c r="C285" s="3" t="s">
        <v>787</v>
      </c>
      <c r="D285" s="5" t="s">
        <v>1352</v>
      </c>
      <c r="E285" s="3" t="s">
        <v>1012</v>
      </c>
      <c r="F285" s="3" t="s">
        <v>1092</v>
      </c>
      <c r="G285" s="3" t="s">
        <v>157</v>
      </c>
      <c r="H285" s="3" t="s">
        <v>64</v>
      </c>
      <c r="I285" s="3" t="s">
        <v>1020</v>
      </c>
      <c r="J285" s="3" t="s">
        <v>1093</v>
      </c>
      <c r="K285" s="3" t="s">
        <v>32</v>
      </c>
      <c r="L285" s="3" t="s">
        <v>33</v>
      </c>
      <c r="M285" s="3" t="s">
        <v>1016</v>
      </c>
      <c r="N285" s="3" t="s">
        <v>79</v>
      </c>
      <c r="O285" s="3" t="s">
        <v>161</v>
      </c>
      <c r="P285" s="3" t="s">
        <v>37</v>
      </c>
      <c r="Q285" s="3" t="s">
        <v>37</v>
      </c>
      <c r="R285" s="3" t="s">
        <v>38</v>
      </c>
      <c r="S285" s="3" t="s">
        <v>1094</v>
      </c>
      <c r="T285" s="3" t="s">
        <v>37</v>
      </c>
      <c r="U285" s="3" t="s">
        <v>37</v>
      </c>
      <c r="V285" s="3" t="s">
        <v>37</v>
      </c>
    </row>
    <row r="286" spans="1:22" x14ac:dyDescent="0.25">
      <c r="A286" s="3" t="s">
        <v>988</v>
      </c>
      <c r="B286" s="4" t="s">
        <v>786</v>
      </c>
      <c r="C286" s="3" t="s">
        <v>787</v>
      </c>
      <c r="D286" s="5" t="s">
        <v>1135</v>
      </c>
      <c r="E286" s="3" t="s">
        <v>1038</v>
      </c>
      <c r="F286" s="3" t="s">
        <v>1502</v>
      </c>
      <c r="G286" s="3" t="s">
        <v>179</v>
      </c>
      <c r="H286" s="3" t="s">
        <v>77</v>
      </c>
      <c r="I286" s="3" t="s">
        <v>37</v>
      </c>
      <c r="J286" s="7" t="s">
        <v>1578</v>
      </c>
      <c r="K286" s="3" t="s">
        <v>32</v>
      </c>
      <c r="L286" s="3" t="s">
        <v>33</v>
      </c>
      <c r="M286" s="3" t="s">
        <v>66</v>
      </c>
      <c r="N286" s="3" t="s">
        <v>79</v>
      </c>
      <c r="O286" s="3" t="s">
        <v>80</v>
      </c>
      <c r="P286" s="3" t="s">
        <v>37</v>
      </c>
      <c r="Q286" s="3" t="s">
        <v>37</v>
      </c>
      <c r="R286" s="3" t="s">
        <v>38</v>
      </c>
      <c r="S286" s="3" t="s">
        <v>1579</v>
      </c>
      <c r="T286" s="3" t="s">
        <v>37</v>
      </c>
      <c r="U286" s="3" t="s">
        <v>37</v>
      </c>
      <c r="V286" s="3" t="s">
        <v>37</v>
      </c>
    </row>
    <row r="287" spans="1:22" x14ac:dyDescent="0.25">
      <c r="A287" s="3" t="s">
        <v>988</v>
      </c>
      <c r="B287" s="4" t="s">
        <v>786</v>
      </c>
      <c r="C287" s="3" t="s">
        <v>787</v>
      </c>
      <c r="D287" s="5" t="s">
        <v>1139</v>
      </c>
      <c r="E287" s="3" t="s">
        <v>1007</v>
      </c>
      <c r="F287" s="3" t="s">
        <v>1054</v>
      </c>
      <c r="G287" s="3" t="s">
        <v>70</v>
      </c>
      <c r="H287" s="3" t="s">
        <v>64</v>
      </c>
      <c r="I287" s="3" t="s">
        <v>37</v>
      </c>
      <c r="J287" s="3" t="s">
        <v>1055</v>
      </c>
      <c r="K287" s="3" t="s">
        <v>32</v>
      </c>
      <c r="L287" s="3" t="s">
        <v>33</v>
      </c>
      <c r="M287" s="3" t="s">
        <v>66</v>
      </c>
      <c r="N287" s="3" t="s">
        <v>67</v>
      </c>
      <c r="O287" s="3" t="s">
        <v>52</v>
      </c>
      <c r="P287" s="3" t="s">
        <v>37</v>
      </c>
      <c r="Q287" s="3" t="s">
        <v>37</v>
      </c>
      <c r="R287" s="3" t="s">
        <v>38</v>
      </c>
      <c r="S287" s="3" t="s">
        <v>1056</v>
      </c>
      <c r="T287" s="3" t="s">
        <v>37</v>
      </c>
      <c r="U287" s="3" t="s">
        <v>37</v>
      </c>
      <c r="V287" s="3" t="s">
        <v>37</v>
      </c>
    </row>
    <row r="288" spans="1:22" x14ac:dyDescent="0.25">
      <c r="A288" s="3" t="s">
        <v>988</v>
      </c>
      <c r="B288" s="4" t="s">
        <v>786</v>
      </c>
      <c r="C288" s="3" t="s">
        <v>787</v>
      </c>
      <c r="D288" s="5" t="s">
        <v>1143</v>
      </c>
      <c r="E288" s="3" t="s">
        <v>1126</v>
      </c>
      <c r="F288" s="3" t="s">
        <v>1580</v>
      </c>
      <c r="G288" s="3" t="s">
        <v>42</v>
      </c>
      <c r="H288" s="3" t="s">
        <v>29</v>
      </c>
      <c r="I288" s="3" t="s">
        <v>37</v>
      </c>
      <c r="J288" s="3" t="s">
        <v>1581</v>
      </c>
      <c r="K288" s="3" t="s">
        <v>32</v>
      </c>
      <c r="L288" s="3" t="s">
        <v>33</v>
      </c>
      <c r="M288" s="3" t="s">
        <v>66</v>
      </c>
      <c r="N288" s="3" t="s">
        <v>67</v>
      </c>
      <c r="O288" s="3" t="s">
        <v>80</v>
      </c>
      <c r="P288" s="3" t="s">
        <v>37</v>
      </c>
      <c r="Q288" s="3" t="s">
        <v>37</v>
      </c>
      <c r="R288" s="3" t="s">
        <v>38</v>
      </c>
      <c r="S288" s="3" t="s">
        <v>1582</v>
      </c>
      <c r="T288" s="3" t="s">
        <v>37</v>
      </c>
      <c r="U288" s="3" t="s">
        <v>37</v>
      </c>
      <c r="V288" s="3" t="s">
        <v>37</v>
      </c>
    </row>
    <row r="289" spans="1:22" x14ac:dyDescent="0.25">
      <c r="A289" s="3" t="s">
        <v>988</v>
      </c>
      <c r="B289" s="4" t="s">
        <v>786</v>
      </c>
      <c r="C289" s="3" t="s">
        <v>787</v>
      </c>
      <c r="D289" s="5" t="s">
        <v>1359</v>
      </c>
      <c r="E289" s="3" t="s">
        <v>540</v>
      </c>
      <c r="F289" s="3" t="s">
        <v>1583</v>
      </c>
      <c r="G289" s="3" t="s">
        <v>270</v>
      </c>
      <c r="H289" s="3" t="s">
        <v>29</v>
      </c>
      <c r="I289" s="3" t="s">
        <v>670</v>
      </c>
      <c r="J289" s="3" t="s">
        <v>1584</v>
      </c>
      <c r="K289" s="3" t="s">
        <v>32</v>
      </c>
      <c r="L289" s="3" t="s">
        <v>33</v>
      </c>
      <c r="M289" s="3" t="s">
        <v>34</v>
      </c>
      <c r="N289" s="3" t="s">
        <v>160</v>
      </c>
      <c r="O289" s="3" t="s">
        <v>80</v>
      </c>
      <c r="P289" s="3" t="s">
        <v>37</v>
      </c>
      <c r="Q289" s="3" t="s">
        <v>37</v>
      </c>
      <c r="R289" s="3" t="s">
        <v>38</v>
      </c>
      <c r="S289" s="3" t="s">
        <v>1585</v>
      </c>
      <c r="T289" s="3" t="s">
        <v>37</v>
      </c>
      <c r="U289" s="3" t="s">
        <v>37</v>
      </c>
      <c r="V289" s="3" t="s">
        <v>37</v>
      </c>
    </row>
    <row r="290" spans="1:22" x14ac:dyDescent="0.25">
      <c r="A290" s="3" t="s">
        <v>988</v>
      </c>
      <c r="B290" s="4" t="s">
        <v>786</v>
      </c>
      <c r="C290" s="3" t="s">
        <v>787</v>
      </c>
      <c r="D290" s="5" t="s">
        <v>1149</v>
      </c>
      <c r="E290" s="3" t="s">
        <v>1150</v>
      </c>
      <c r="F290" s="3" t="s">
        <v>1586</v>
      </c>
      <c r="G290" s="3" t="s">
        <v>1587</v>
      </c>
      <c r="H290" s="3" t="s">
        <v>77</v>
      </c>
      <c r="I290" s="3" t="s">
        <v>37</v>
      </c>
      <c r="J290" s="3" t="s">
        <v>1588</v>
      </c>
      <c r="K290" s="3" t="s">
        <v>32</v>
      </c>
      <c r="L290" s="3" t="s">
        <v>33</v>
      </c>
      <c r="M290" s="3" t="s">
        <v>66</v>
      </c>
      <c r="N290" s="3" t="s">
        <v>67</v>
      </c>
      <c r="O290" s="3" t="s">
        <v>80</v>
      </c>
      <c r="P290" s="3" t="s">
        <v>37</v>
      </c>
      <c r="Q290" s="3" t="s">
        <v>37</v>
      </c>
      <c r="R290" s="3" t="s">
        <v>38</v>
      </c>
      <c r="S290" s="3" t="s">
        <v>1589</v>
      </c>
      <c r="T290" s="3" t="s">
        <v>37</v>
      </c>
      <c r="U290" s="3" t="s">
        <v>37</v>
      </c>
      <c r="V290" s="3" t="s">
        <v>37</v>
      </c>
    </row>
    <row r="291" spans="1:22" x14ac:dyDescent="0.25">
      <c r="A291" s="3" t="s">
        <v>988</v>
      </c>
      <c r="B291" s="4" t="s">
        <v>786</v>
      </c>
      <c r="C291" s="3" t="s">
        <v>787</v>
      </c>
      <c r="D291" s="5" t="s">
        <v>207</v>
      </c>
      <c r="E291" s="3" t="s">
        <v>1154</v>
      </c>
      <c r="F291" s="3" t="s">
        <v>1590</v>
      </c>
      <c r="G291" s="3" t="s">
        <v>641</v>
      </c>
      <c r="H291" s="3" t="s">
        <v>278</v>
      </c>
      <c r="I291" s="3" t="s">
        <v>1145</v>
      </c>
      <c r="J291" s="3" t="s">
        <v>1591</v>
      </c>
      <c r="K291" s="3" t="s">
        <v>32</v>
      </c>
      <c r="L291" s="3" t="s">
        <v>33</v>
      </c>
      <c r="M291" s="3" t="s">
        <v>66</v>
      </c>
      <c r="N291" s="3" t="s">
        <v>51</v>
      </c>
      <c r="O291" s="3" t="s">
        <v>80</v>
      </c>
      <c r="P291" s="3" t="s">
        <v>37</v>
      </c>
      <c r="Q291" s="3" t="s">
        <v>37</v>
      </c>
      <c r="R291" s="3" t="s">
        <v>38</v>
      </c>
      <c r="S291" s="3" t="s">
        <v>1592</v>
      </c>
      <c r="T291" s="3" t="s">
        <v>37</v>
      </c>
      <c r="U291" s="3" t="s">
        <v>37</v>
      </c>
      <c r="V291" s="3" t="s">
        <v>37</v>
      </c>
    </row>
    <row r="292" spans="1:22" x14ac:dyDescent="0.25">
      <c r="A292" s="3" t="s">
        <v>988</v>
      </c>
      <c r="B292" s="4" t="s">
        <v>786</v>
      </c>
      <c r="C292" s="3" t="s">
        <v>787</v>
      </c>
      <c r="D292" s="5" t="s">
        <v>1158</v>
      </c>
      <c r="E292" s="3" t="s">
        <v>1367</v>
      </c>
      <c r="F292" s="3" t="s">
        <v>1593</v>
      </c>
      <c r="G292" s="3" t="s">
        <v>847</v>
      </c>
      <c r="H292" s="3" t="s">
        <v>278</v>
      </c>
      <c r="I292" s="3" t="s">
        <v>1441</v>
      </c>
      <c r="J292" s="3" t="s">
        <v>1594</v>
      </c>
      <c r="K292" s="3" t="s">
        <v>32</v>
      </c>
      <c r="L292" s="3" t="s">
        <v>33</v>
      </c>
      <c r="M292" s="3" t="s">
        <v>66</v>
      </c>
      <c r="N292" s="3" t="s">
        <v>51</v>
      </c>
      <c r="O292" s="3" t="s">
        <v>80</v>
      </c>
      <c r="P292" s="3" t="s">
        <v>37</v>
      </c>
      <c r="Q292" s="3" t="s">
        <v>37</v>
      </c>
      <c r="R292" s="3" t="s">
        <v>38</v>
      </c>
      <c r="S292" s="3" t="s">
        <v>1595</v>
      </c>
      <c r="T292" s="3" t="s">
        <v>37</v>
      </c>
      <c r="U292" s="3" t="s">
        <v>37</v>
      </c>
      <c r="V292" s="3" t="s">
        <v>37</v>
      </c>
    </row>
    <row r="293" spans="1:22" x14ac:dyDescent="0.25">
      <c r="A293" s="3" t="s">
        <v>988</v>
      </c>
      <c r="B293" s="4" t="s">
        <v>786</v>
      </c>
      <c r="C293" s="3" t="s">
        <v>787</v>
      </c>
      <c r="D293" s="5" t="s">
        <v>539</v>
      </c>
      <c r="E293" s="3" t="s">
        <v>1012</v>
      </c>
      <c r="F293" s="3" t="s">
        <v>1096</v>
      </c>
      <c r="G293" s="3" t="s">
        <v>165</v>
      </c>
      <c r="H293" s="3" t="s">
        <v>64</v>
      </c>
      <c r="I293" s="3" t="s">
        <v>1020</v>
      </c>
      <c r="J293" s="3" t="s">
        <v>1097</v>
      </c>
      <c r="K293" s="3" t="s">
        <v>32</v>
      </c>
      <c r="L293" s="3" t="s">
        <v>33</v>
      </c>
      <c r="M293" s="3" t="s">
        <v>1016</v>
      </c>
      <c r="N293" s="3" t="s">
        <v>79</v>
      </c>
      <c r="O293" s="3" t="s">
        <v>161</v>
      </c>
      <c r="P293" s="3" t="s">
        <v>37</v>
      </c>
      <c r="Q293" s="3" t="s">
        <v>37</v>
      </c>
      <c r="R293" s="3" t="s">
        <v>38</v>
      </c>
      <c r="S293" s="3" t="s">
        <v>1098</v>
      </c>
      <c r="T293" s="3" t="s">
        <v>37</v>
      </c>
      <c r="U293" s="3" t="s">
        <v>37</v>
      </c>
      <c r="V293" s="3" t="s">
        <v>37</v>
      </c>
    </row>
    <row r="294" spans="1:22" x14ac:dyDescent="0.25">
      <c r="A294" s="3" t="s">
        <v>988</v>
      </c>
      <c r="B294" s="4" t="s">
        <v>786</v>
      </c>
      <c r="C294" s="3" t="s">
        <v>787</v>
      </c>
      <c r="D294" s="5" t="s">
        <v>1372</v>
      </c>
      <c r="E294" s="3" t="s">
        <v>1012</v>
      </c>
      <c r="F294" s="3" t="s">
        <v>1103</v>
      </c>
      <c r="G294" s="3" t="s">
        <v>48</v>
      </c>
      <c r="H294" s="3" t="s">
        <v>64</v>
      </c>
      <c r="I294" s="3" t="s">
        <v>1014</v>
      </c>
      <c r="J294" s="3" t="s">
        <v>1104</v>
      </c>
      <c r="K294" s="3" t="s">
        <v>32</v>
      </c>
      <c r="L294" s="3" t="s">
        <v>33</v>
      </c>
      <c r="M294" s="3" t="s">
        <v>1016</v>
      </c>
      <c r="N294" s="3" t="s">
        <v>79</v>
      </c>
      <c r="O294" s="3" t="s">
        <v>161</v>
      </c>
      <c r="P294" s="3" t="s">
        <v>37</v>
      </c>
      <c r="Q294" s="3" t="s">
        <v>37</v>
      </c>
      <c r="R294" s="3" t="s">
        <v>38</v>
      </c>
      <c r="S294" s="3" t="s">
        <v>1105</v>
      </c>
      <c r="T294" s="3" t="s">
        <v>37</v>
      </c>
      <c r="U294" s="3" t="s">
        <v>37</v>
      </c>
      <c r="V294" s="3" t="s">
        <v>37</v>
      </c>
    </row>
    <row r="295" spans="1:22" x14ac:dyDescent="0.25">
      <c r="A295" s="3" t="s">
        <v>988</v>
      </c>
      <c r="B295" s="4" t="s">
        <v>786</v>
      </c>
      <c r="C295" s="3" t="s">
        <v>787</v>
      </c>
      <c r="D295" s="5" t="s">
        <v>1376</v>
      </c>
      <c r="E295" s="3" t="s">
        <v>1012</v>
      </c>
      <c r="F295" s="3" t="s">
        <v>1085</v>
      </c>
      <c r="G295" s="3" t="s">
        <v>195</v>
      </c>
      <c r="H295" s="3" t="s">
        <v>64</v>
      </c>
      <c r="I295" s="3" t="s">
        <v>1020</v>
      </c>
      <c r="J295" s="3" t="s">
        <v>1086</v>
      </c>
      <c r="K295" s="3" t="s">
        <v>32</v>
      </c>
      <c r="L295" s="3" t="s">
        <v>33</v>
      </c>
      <c r="M295" s="3" t="s">
        <v>1016</v>
      </c>
      <c r="N295" s="3" t="s">
        <v>79</v>
      </c>
      <c r="O295" s="3" t="s">
        <v>161</v>
      </c>
      <c r="P295" s="3" t="s">
        <v>37</v>
      </c>
      <c r="Q295" s="3" t="s">
        <v>37</v>
      </c>
      <c r="R295" s="3" t="s">
        <v>38</v>
      </c>
      <c r="S295" s="3" t="s">
        <v>1087</v>
      </c>
      <c r="T295" s="3" t="s">
        <v>37</v>
      </c>
      <c r="U295" s="3" t="s">
        <v>37</v>
      </c>
      <c r="V295" s="3" t="s">
        <v>37</v>
      </c>
    </row>
    <row r="296" spans="1:22" x14ac:dyDescent="0.25">
      <c r="A296" s="3" t="s">
        <v>988</v>
      </c>
      <c r="B296" s="4" t="s">
        <v>786</v>
      </c>
      <c r="C296" s="3" t="s">
        <v>787</v>
      </c>
      <c r="D296" s="5" t="s">
        <v>211</v>
      </c>
      <c r="E296" s="3" t="s">
        <v>1007</v>
      </c>
      <c r="F296" s="3" t="s">
        <v>1596</v>
      </c>
      <c r="G296" s="3" t="s">
        <v>505</v>
      </c>
      <c r="H296" s="3" t="s">
        <v>64</v>
      </c>
      <c r="I296" s="3" t="s">
        <v>37</v>
      </c>
      <c r="J296" s="3" t="s">
        <v>1597</v>
      </c>
      <c r="K296" s="3" t="s">
        <v>32</v>
      </c>
      <c r="L296" s="3" t="s">
        <v>33</v>
      </c>
      <c r="M296" s="3" t="s">
        <v>66</v>
      </c>
      <c r="N296" s="3" t="s">
        <v>67</v>
      </c>
      <c r="O296" s="3" t="s">
        <v>52</v>
      </c>
      <c r="P296" s="3" t="s">
        <v>37</v>
      </c>
      <c r="Q296" s="3" t="s">
        <v>37</v>
      </c>
      <c r="R296" s="3" t="s">
        <v>38</v>
      </c>
      <c r="S296" s="3" t="s">
        <v>1598</v>
      </c>
      <c r="T296" s="3" t="s">
        <v>37</v>
      </c>
      <c r="U296" s="3" t="s">
        <v>37</v>
      </c>
      <c r="V296" s="3" t="s">
        <v>37</v>
      </c>
    </row>
    <row r="297" spans="1:22" x14ac:dyDescent="0.25">
      <c r="A297" s="3" t="s">
        <v>988</v>
      </c>
      <c r="B297" s="4" t="s">
        <v>786</v>
      </c>
      <c r="C297" s="3" t="s">
        <v>787</v>
      </c>
      <c r="D297" s="5" t="s">
        <v>216</v>
      </c>
      <c r="E297" s="3" t="s">
        <v>1007</v>
      </c>
      <c r="F297" s="3" t="s">
        <v>1054</v>
      </c>
      <c r="G297" s="3" t="s">
        <v>70</v>
      </c>
      <c r="H297" s="3" t="s">
        <v>64</v>
      </c>
      <c r="I297" s="3" t="s">
        <v>37</v>
      </c>
      <c r="J297" s="3" t="s">
        <v>1055</v>
      </c>
      <c r="K297" s="3" t="s">
        <v>32</v>
      </c>
      <c r="L297" s="3" t="s">
        <v>33</v>
      </c>
      <c r="M297" s="3" t="s">
        <v>66</v>
      </c>
      <c r="N297" s="3" t="s">
        <v>67</v>
      </c>
      <c r="O297" s="3" t="s">
        <v>52</v>
      </c>
      <c r="P297" s="3" t="s">
        <v>37</v>
      </c>
      <c r="Q297" s="3" t="s">
        <v>37</v>
      </c>
      <c r="R297" s="3" t="s">
        <v>38</v>
      </c>
      <c r="S297" s="3" t="s">
        <v>1056</v>
      </c>
      <c r="T297" s="3" t="s">
        <v>37</v>
      </c>
      <c r="U297" s="3" t="s">
        <v>37</v>
      </c>
      <c r="V297" s="3" t="s">
        <v>37</v>
      </c>
    </row>
    <row r="298" spans="1:22" x14ac:dyDescent="0.25">
      <c r="A298" s="3" t="s">
        <v>988</v>
      </c>
      <c r="B298" s="4" t="s">
        <v>786</v>
      </c>
      <c r="C298" s="3" t="s">
        <v>787</v>
      </c>
      <c r="D298" s="5" t="s">
        <v>394</v>
      </c>
      <c r="E298" s="3" t="s">
        <v>1126</v>
      </c>
      <c r="F298" s="3" t="s">
        <v>1599</v>
      </c>
      <c r="G298" s="3" t="s">
        <v>132</v>
      </c>
      <c r="H298" s="3" t="s">
        <v>29</v>
      </c>
      <c r="I298" s="3" t="s">
        <v>37</v>
      </c>
      <c r="J298" s="3" t="s">
        <v>1600</v>
      </c>
      <c r="K298" s="3" t="s">
        <v>32</v>
      </c>
      <c r="L298" s="3" t="s">
        <v>33</v>
      </c>
      <c r="M298" s="3" t="s">
        <v>66</v>
      </c>
      <c r="N298" s="3" t="s">
        <v>67</v>
      </c>
      <c r="O298" s="3" t="s">
        <v>80</v>
      </c>
      <c r="P298" s="3" t="s">
        <v>37</v>
      </c>
      <c r="Q298" s="3" t="s">
        <v>37</v>
      </c>
      <c r="R298" s="3" t="s">
        <v>38</v>
      </c>
      <c r="S298" s="3" t="s">
        <v>1601</v>
      </c>
      <c r="T298" s="3" t="s">
        <v>37</v>
      </c>
      <c r="U298" s="3" t="s">
        <v>37</v>
      </c>
      <c r="V298" s="3" t="s">
        <v>37</v>
      </c>
    </row>
    <row r="299" spans="1:22" x14ac:dyDescent="0.25">
      <c r="A299" s="3" t="s">
        <v>988</v>
      </c>
      <c r="B299" s="4" t="s">
        <v>786</v>
      </c>
      <c r="C299" s="3" t="s">
        <v>787</v>
      </c>
      <c r="D299" s="5" t="s">
        <v>225</v>
      </c>
      <c r="E299" s="3" t="s">
        <v>540</v>
      </c>
      <c r="F299" s="3" t="s">
        <v>1602</v>
      </c>
      <c r="G299" s="3" t="s">
        <v>307</v>
      </c>
      <c r="H299" s="3" t="s">
        <v>29</v>
      </c>
      <c r="I299" s="3" t="s">
        <v>670</v>
      </c>
      <c r="J299" s="3" t="s">
        <v>1603</v>
      </c>
      <c r="K299" s="3" t="s">
        <v>32</v>
      </c>
      <c r="L299" s="3" t="s">
        <v>37</v>
      </c>
      <c r="M299" s="3" t="s">
        <v>34</v>
      </c>
      <c r="N299" s="3" t="s">
        <v>160</v>
      </c>
      <c r="O299" s="3" t="s">
        <v>80</v>
      </c>
      <c r="P299" s="3" t="s">
        <v>37</v>
      </c>
      <c r="Q299" s="3" t="s">
        <v>37</v>
      </c>
      <c r="R299" s="3" t="s">
        <v>38</v>
      </c>
      <c r="S299" s="3" t="s">
        <v>1604</v>
      </c>
      <c r="T299" s="3" t="s">
        <v>37</v>
      </c>
      <c r="U299" s="3" t="s">
        <v>37</v>
      </c>
      <c r="V299" s="3" t="s">
        <v>37</v>
      </c>
    </row>
    <row r="300" spans="1:22" x14ac:dyDescent="0.25">
      <c r="A300" s="3" t="s">
        <v>988</v>
      </c>
      <c r="B300" s="4" t="s">
        <v>786</v>
      </c>
      <c r="C300" s="3" t="s">
        <v>787</v>
      </c>
      <c r="D300" s="5" t="s">
        <v>1171</v>
      </c>
      <c r="E300" s="3" t="s">
        <v>1150</v>
      </c>
      <c r="F300" s="3" t="s">
        <v>1433</v>
      </c>
      <c r="G300" s="3" t="s">
        <v>982</v>
      </c>
      <c r="H300" s="3" t="s">
        <v>77</v>
      </c>
      <c r="I300" s="3" t="s">
        <v>37</v>
      </c>
      <c r="J300" s="3" t="s">
        <v>1434</v>
      </c>
      <c r="K300" s="3" t="s">
        <v>32</v>
      </c>
      <c r="L300" s="3" t="s">
        <v>33</v>
      </c>
      <c r="M300" s="3" t="s">
        <v>66</v>
      </c>
      <c r="N300" s="3" t="s">
        <v>67</v>
      </c>
      <c r="O300" s="3" t="s">
        <v>52</v>
      </c>
      <c r="P300" s="3" t="s">
        <v>37</v>
      </c>
      <c r="Q300" s="3" t="s">
        <v>37</v>
      </c>
      <c r="R300" s="3" t="s">
        <v>38</v>
      </c>
      <c r="S300" s="3" t="s">
        <v>1435</v>
      </c>
      <c r="T300" s="3" t="s">
        <v>37</v>
      </c>
      <c r="U300" s="3" t="s">
        <v>37</v>
      </c>
      <c r="V300" s="3" t="s">
        <v>37</v>
      </c>
    </row>
    <row r="301" spans="1:22" x14ac:dyDescent="0.25">
      <c r="A301" s="3" t="s">
        <v>988</v>
      </c>
      <c r="B301" s="4" t="s">
        <v>786</v>
      </c>
      <c r="C301" s="3" t="s">
        <v>787</v>
      </c>
      <c r="D301" s="5" t="s">
        <v>236</v>
      </c>
      <c r="E301" s="3" t="s">
        <v>1154</v>
      </c>
      <c r="F301" s="3" t="s">
        <v>1605</v>
      </c>
      <c r="G301" s="3" t="s">
        <v>1606</v>
      </c>
      <c r="H301" s="3" t="s">
        <v>278</v>
      </c>
      <c r="I301" s="3" t="s">
        <v>1145</v>
      </c>
      <c r="J301" s="3" t="s">
        <v>1607</v>
      </c>
      <c r="K301" s="3" t="s">
        <v>32</v>
      </c>
      <c r="L301" s="3" t="s">
        <v>33</v>
      </c>
      <c r="M301" s="3" t="s">
        <v>66</v>
      </c>
      <c r="N301" s="3" t="s">
        <v>51</v>
      </c>
      <c r="O301" s="3" t="s">
        <v>36</v>
      </c>
      <c r="P301" s="3" t="s">
        <v>37</v>
      </c>
      <c r="Q301" s="3" t="s">
        <v>37</v>
      </c>
      <c r="R301" s="3" t="s">
        <v>38</v>
      </c>
      <c r="S301" s="3" t="s">
        <v>1608</v>
      </c>
      <c r="T301" s="3" t="s">
        <v>37</v>
      </c>
      <c r="U301" s="3" t="s">
        <v>37</v>
      </c>
      <c r="V301" s="3" t="s">
        <v>37</v>
      </c>
    </row>
    <row r="302" spans="1:22" x14ac:dyDescent="0.25">
      <c r="A302" s="3" t="s">
        <v>988</v>
      </c>
      <c r="B302" s="4" t="s">
        <v>786</v>
      </c>
      <c r="C302" s="3" t="s">
        <v>787</v>
      </c>
      <c r="D302" s="5" t="s">
        <v>1175</v>
      </c>
      <c r="E302" s="3" t="s">
        <v>1001</v>
      </c>
      <c r="F302" s="3" t="s">
        <v>1609</v>
      </c>
      <c r="G302" s="3" t="s">
        <v>29</v>
      </c>
      <c r="H302" s="3" t="s">
        <v>64</v>
      </c>
      <c r="I302" s="3" t="s">
        <v>1003</v>
      </c>
      <c r="J302" s="3" t="s">
        <v>1610</v>
      </c>
      <c r="K302" s="3" t="s">
        <v>32</v>
      </c>
      <c r="L302" s="3" t="s">
        <v>33</v>
      </c>
      <c r="M302" s="3" t="s">
        <v>34</v>
      </c>
      <c r="N302" s="3" t="s">
        <v>67</v>
      </c>
      <c r="O302" s="3" t="s">
        <v>52</v>
      </c>
      <c r="P302" s="3" t="s">
        <v>37</v>
      </c>
      <c r="Q302" s="3" t="s">
        <v>37</v>
      </c>
      <c r="R302" s="3" t="s">
        <v>38</v>
      </c>
      <c r="S302" s="3" t="s">
        <v>1611</v>
      </c>
      <c r="T302" s="3" t="s">
        <v>37</v>
      </c>
      <c r="U302" s="3" t="s">
        <v>37</v>
      </c>
      <c r="V302" s="3" t="s">
        <v>37</v>
      </c>
    </row>
    <row r="303" spans="1:22" x14ac:dyDescent="0.25">
      <c r="A303" s="3"/>
      <c r="B303" s="4"/>
      <c r="C303" s="3"/>
      <c r="D303" s="5"/>
      <c r="E303" s="6" t="s">
        <v>1179</v>
      </c>
      <c r="F303" s="3"/>
      <c r="G303" s="3"/>
      <c r="H303" s="3"/>
      <c r="I303" s="3"/>
      <c r="J303" s="3"/>
      <c r="K303" s="3"/>
      <c r="L303" s="3"/>
      <c r="M303" s="3"/>
      <c r="N303" s="3"/>
      <c r="O303" s="3"/>
      <c r="P303" s="3"/>
      <c r="Q303" s="3"/>
      <c r="R303" s="3"/>
      <c r="S303" s="3"/>
      <c r="T303" s="3"/>
      <c r="U303" s="3"/>
      <c r="V303" s="3"/>
    </row>
    <row r="304" spans="1:22" x14ac:dyDescent="0.25">
      <c r="A304" s="3"/>
      <c r="B304" s="4"/>
      <c r="C304" s="3"/>
      <c r="D304" s="5"/>
      <c r="E304" s="3"/>
      <c r="F304" s="3"/>
      <c r="G304" s="3"/>
      <c r="H304" s="3"/>
      <c r="I304" s="3"/>
      <c r="J304" s="3"/>
      <c r="K304" s="3"/>
      <c r="L304" s="3"/>
      <c r="M304" s="3"/>
      <c r="N304" s="3"/>
      <c r="O304" s="3"/>
      <c r="P304" s="3"/>
      <c r="Q304" s="3"/>
      <c r="R304" s="3"/>
      <c r="S304" s="3"/>
      <c r="T304" s="3"/>
      <c r="U304" s="3"/>
      <c r="V304" s="3"/>
    </row>
    <row r="305" spans="1:22" x14ac:dyDescent="0.25">
      <c r="A305" s="3" t="s">
        <v>988</v>
      </c>
      <c r="B305" s="4" t="s">
        <v>897</v>
      </c>
      <c r="C305" s="3" t="s">
        <v>898</v>
      </c>
      <c r="D305" s="5" t="s">
        <v>25</v>
      </c>
      <c r="E305" s="3" t="s">
        <v>989</v>
      </c>
      <c r="F305" s="3" t="s">
        <v>1612</v>
      </c>
      <c r="G305" s="3" t="s">
        <v>688</v>
      </c>
      <c r="H305" s="3" t="s">
        <v>77</v>
      </c>
      <c r="I305" s="3" t="s">
        <v>1541</v>
      </c>
      <c r="J305" s="3" t="s">
        <v>1613</v>
      </c>
      <c r="K305" s="3" t="s">
        <v>32</v>
      </c>
      <c r="L305" s="3" t="s">
        <v>33</v>
      </c>
      <c r="M305" s="3" t="s">
        <v>66</v>
      </c>
      <c r="N305" s="3" t="s">
        <v>993</v>
      </c>
      <c r="O305" s="3" t="s">
        <v>80</v>
      </c>
      <c r="P305" s="3" t="s">
        <v>37</v>
      </c>
      <c r="Q305" s="3" t="s">
        <v>37</v>
      </c>
      <c r="R305" s="3" t="s">
        <v>38</v>
      </c>
      <c r="S305" s="3" t="s">
        <v>1614</v>
      </c>
      <c r="T305" s="3" t="s">
        <v>37</v>
      </c>
      <c r="U305" s="3" t="s">
        <v>37</v>
      </c>
      <c r="V305" s="3" t="s">
        <v>37</v>
      </c>
    </row>
    <row r="306" spans="1:22" x14ac:dyDescent="0.25">
      <c r="A306" s="3" t="s">
        <v>988</v>
      </c>
      <c r="B306" s="4" t="s">
        <v>897</v>
      </c>
      <c r="C306" s="3" t="s">
        <v>898</v>
      </c>
      <c r="D306" s="5" t="s">
        <v>995</v>
      </c>
      <c r="E306" s="3" t="s">
        <v>989</v>
      </c>
      <c r="F306" s="3" t="s">
        <v>1615</v>
      </c>
      <c r="G306" s="3" t="s">
        <v>782</v>
      </c>
      <c r="H306" s="3" t="s">
        <v>77</v>
      </c>
      <c r="I306" s="3" t="s">
        <v>1541</v>
      </c>
      <c r="J306" s="3" t="s">
        <v>1616</v>
      </c>
      <c r="K306" s="3" t="s">
        <v>32</v>
      </c>
      <c r="L306" s="3" t="s">
        <v>33</v>
      </c>
      <c r="M306" s="3" t="s">
        <v>66</v>
      </c>
      <c r="N306" s="3" t="s">
        <v>993</v>
      </c>
      <c r="O306" s="3" t="s">
        <v>80</v>
      </c>
      <c r="P306" s="3" t="s">
        <v>37</v>
      </c>
      <c r="Q306" s="3" t="s">
        <v>37</v>
      </c>
      <c r="R306" s="3" t="s">
        <v>38</v>
      </c>
      <c r="S306" s="3" t="s">
        <v>1617</v>
      </c>
      <c r="T306" s="3" t="s">
        <v>37</v>
      </c>
      <c r="U306" s="3" t="s">
        <v>37</v>
      </c>
      <c r="V306" s="3" t="s">
        <v>37</v>
      </c>
    </row>
    <row r="307" spans="1:22" x14ac:dyDescent="0.25">
      <c r="A307" s="3" t="s">
        <v>988</v>
      </c>
      <c r="B307" s="4" t="s">
        <v>897</v>
      </c>
      <c r="C307" s="3" t="s">
        <v>898</v>
      </c>
      <c r="D307" s="5" t="s">
        <v>45</v>
      </c>
      <c r="E307" s="3" t="s">
        <v>1012</v>
      </c>
      <c r="F307" s="3" t="s">
        <v>1082</v>
      </c>
      <c r="G307" s="3" t="s">
        <v>412</v>
      </c>
      <c r="H307" s="3" t="s">
        <v>64</v>
      </c>
      <c r="I307" s="3" t="s">
        <v>1020</v>
      </c>
      <c r="J307" s="3" t="s">
        <v>1083</v>
      </c>
      <c r="K307" s="3" t="s">
        <v>32</v>
      </c>
      <c r="L307" s="3" t="s">
        <v>33</v>
      </c>
      <c r="M307" s="3" t="s">
        <v>1016</v>
      </c>
      <c r="N307" s="3" t="s">
        <v>79</v>
      </c>
      <c r="O307" s="3" t="s">
        <v>161</v>
      </c>
      <c r="P307" s="3" t="s">
        <v>37</v>
      </c>
      <c r="Q307" s="3" t="s">
        <v>37</v>
      </c>
      <c r="R307" s="3" t="s">
        <v>38</v>
      </c>
      <c r="S307" s="3" t="s">
        <v>1084</v>
      </c>
      <c r="T307" s="3" t="s">
        <v>37</v>
      </c>
      <c r="U307" s="3" t="s">
        <v>37</v>
      </c>
      <c r="V307" s="3" t="s">
        <v>37</v>
      </c>
    </row>
    <row r="308" spans="1:22" x14ac:dyDescent="0.25">
      <c r="A308" s="3" t="s">
        <v>988</v>
      </c>
      <c r="B308" s="4" t="s">
        <v>897</v>
      </c>
      <c r="C308" s="3" t="s">
        <v>898</v>
      </c>
      <c r="D308" s="5" t="s">
        <v>1286</v>
      </c>
      <c r="E308" s="3" t="s">
        <v>1012</v>
      </c>
      <c r="F308" s="3" t="s">
        <v>1397</v>
      </c>
      <c r="G308" s="3" t="s">
        <v>761</v>
      </c>
      <c r="H308" s="3" t="s">
        <v>64</v>
      </c>
      <c r="I308" s="3" t="s">
        <v>1020</v>
      </c>
      <c r="J308" s="3" t="s">
        <v>1398</v>
      </c>
      <c r="K308" s="3" t="s">
        <v>32</v>
      </c>
      <c r="L308" s="3" t="s">
        <v>33</v>
      </c>
      <c r="M308" s="3" t="s">
        <v>1016</v>
      </c>
      <c r="N308" s="3" t="s">
        <v>79</v>
      </c>
      <c r="O308" s="3" t="s">
        <v>161</v>
      </c>
      <c r="P308" s="3" t="s">
        <v>37</v>
      </c>
      <c r="Q308" s="3" t="s">
        <v>37</v>
      </c>
      <c r="R308" s="3" t="s">
        <v>38</v>
      </c>
      <c r="S308" s="3" t="s">
        <v>1399</v>
      </c>
      <c r="T308" s="3" t="s">
        <v>37</v>
      </c>
      <c r="U308" s="3" t="s">
        <v>37</v>
      </c>
      <c r="V308" s="3" t="s">
        <v>37</v>
      </c>
    </row>
    <row r="309" spans="1:22" x14ac:dyDescent="0.25">
      <c r="A309" s="3" t="s">
        <v>988</v>
      </c>
      <c r="B309" s="4" t="s">
        <v>897</v>
      </c>
      <c r="C309" s="3" t="s">
        <v>898</v>
      </c>
      <c r="D309" s="5" t="s">
        <v>696</v>
      </c>
      <c r="E309" s="3" t="s">
        <v>1012</v>
      </c>
      <c r="F309" s="3" t="s">
        <v>1113</v>
      </c>
      <c r="G309" s="3" t="s">
        <v>57</v>
      </c>
      <c r="H309" s="3" t="s">
        <v>64</v>
      </c>
      <c r="I309" s="3" t="s">
        <v>1020</v>
      </c>
      <c r="J309" s="3" t="s">
        <v>1114</v>
      </c>
      <c r="K309" s="3" t="s">
        <v>32</v>
      </c>
      <c r="L309" s="3" t="s">
        <v>33</v>
      </c>
      <c r="M309" s="3" t="s">
        <v>1016</v>
      </c>
      <c r="N309" s="3" t="s">
        <v>79</v>
      </c>
      <c r="O309" s="3" t="s">
        <v>161</v>
      </c>
      <c r="P309" s="3" t="s">
        <v>37</v>
      </c>
      <c r="Q309" s="3" t="s">
        <v>37</v>
      </c>
      <c r="R309" s="3" t="s">
        <v>38</v>
      </c>
      <c r="S309" s="3" t="s">
        <v>1115</v>
      </c>
      <c r="T309" s="3" t="s">
        <v>37</v>
      </c>
      <c r="U309" s="3" t="s">
        <v>37</v>
      </c>
      <c r="V309" s="3" t="s">
        <v>37</v>
      </c>
    </row>
    <row r="310" spans="1:22" x14ac:dyDescent="0.25">
      <c r="A310" s="3" t="s">
        <v>988</v>
      </c>
      <c r="B310" s="4" t="s">
        <v>897</v>
      </c>
      <c r="C310" s="3" t="s">
        <v>898</v>
      </c>
      <c r="D310" s="5" t="s">
        <v>1006</v>
      </c>
      <c r="E310" s="3" t="s">
        <v>1012</v>
      </c>
      <c r="F310" s="3" t="s">
        <v>1120</v>
      </c>
      <c r="G310" s="3" t="s">
        <v>307</v>
      </c>
      <c r="H310" s="3" t="s">
        <v>64</v>
      </c>
      <c r="I310" s="3" t="s">
        <v>1618</v>
      </c>
      <c r="J310" s="3" t="s">
        <v>1121</v>
      </c>
      <c r="K310" s="3" t="s">
        <v>32</v>
      </c>
      <c r="L310" s="3" t="s">
        <v>33</v>
      </c>
      <c r="M310" s="3" t="s">
        <v>1016</v>
      </c>
      <c r="N310" s="3" t="s">
        <v>79</v>
      </c>
      <c r="O310" s="3" t="s">
        <v>161</v>
      </c>
      <c r="P310" s="3" t="s">
        <v>37</v>
      </c>
      <c r="Q310" s="3" t="s">
        <v>37</v>
      </c>
      <c r="R310" s="3" t="s">
        <v>38</v>
      </c>
      <c r="S310" s="3" t="s">
        <v>1122</v>
      </c>
      <c r="T310" s="3" t="s">
        <v>37</v>
      </c>
      <c r="U310" s="3" t="s">
        <v>37</v>
      </c>
      <c r="V310" s="3" t="s">
        <v>37</v>
      </c>
    </row>
    <row r="311" spans="1:22" x14ac:dyDescent="0.25">
      <c r="A311" s="3" t="s">
        <v>988</v>
      </c>
      <c r="B311" s="4" t="s">
        <v>897</v>
      </c>
      <c r="C311" s="3" t="s">
        <v>898</v>
      </c>
      <c r="D311" s="5" t="s">
        <v>1296</v>
      </c>
      <c r="E311" s="3" t="s">
        <v>1012</v>
      </c>
      <c r="F311" s="3" t="s">
        <v>1461</v>
      </c>
      <c r="G311" s="3" t="s">
        <v>200</v>
      </c>
      <c r="H311" s="3" t="s">
        <v>64</v>
      </c>
      <c r="I311" s="3" t="s">
        <v>1618</v>
      </c>
      <c r="J311" s="3" t="s">
        <v>1462</v>
      </c>
      <c r="K311" s="3" t="s">
        <v>32</v>
      </c>
      <c r="L311" s="3" t="s">
        <v>33</v>
      </c>
      <c r="M311" s="3" t="s">
        <v>1016</v>
      </c>
      <c r="N311" s="3" t="s">
        <v>79</v>
      </c>
      <c r="O311" s="3" t="s">
        <v>161</v>
      </c>
      <c r="P311" s="3" t="s">
        <v>37</v>
      </c>
      <c r="Q311" s="3" t="s">
        <v>37</v>
      </c>
      <c r="R311" s="3" t="s">
        <v>38</v>
      </c>
      <c r="S311" s="3" t="s">
        <v>1463</v>
      </c>
      <c r="T311" s="3" t="s">
        <v>37</v>
      </c>
      <c r="U311" s="3" t="s">
        <v>37</v>
      </c>
      <c r="V311" s="3" t="s">
        <v>37</v>
      </c>
    </row>
    <row r="312" spans="1:22" x14ac:dyDescent="0.25">
      <c r="A312" s="3" t="s">
        <v>988</v>
      </c>
      <c r="B312" s="4" t="s">
        <v>897</v>
      </c>
      <c r="C312" s="3" t="s">
        <v>898</v>
      </c>
      <c r="D312" s="5" t="s">
        <v>1300</v>
      </c>
      <c r="E312" s="3" t="s">
        <v>1012</v>
      </c>
      <c r="F312" s="3" t="s">
        <v>1110</v>
      </c>
      <c r="G312" s="3" t="s">
        <v>189</v>
      </c>
      <c r="H312" s="3" t="s">
        <v>64</v>
      </c>
      <c r="I312" s="3" t="s">
        <v>1618</v>
      </c>
      <c r="J312" s="3" t="s">
        <v>1111</v>
      </c>
      <c r="K312" s="3" t="s">
        <v>32</v>
      </c>
      <c r="L312" s="3" t="s">
        <v>33</v>
      </c>
      <c r="M312" s="3" t="s">
        <v>1016</v>
      </c>
      <c r="N312" s="3" t="s">
        <v>79</v>
      </c>
      <c r="O312" s="3" t="s">
        <v>161</v>
      </c>
      <c r="P312" s="3" t="s">
        <v>37</v>
      </c>
      <c r="Q312" s="3" t="s">
        <v>37</v>
      </c>
      <c r="R312" s="3" t="s">
        <v>38</v>
      </c>
      <c r="S312" s="3" t="s">
        <v>1112</v>
      </c>
      <c r="T312" s="3" t="s">
        <v>37</v>
      </c>
      <c r="U312" s="3" t="s">
        <v>37</v>
      </c>
      <c r="V312" s="3" t="s">
        <v>37</v>
      </c>
    </row>
    <row r="313" spans="1:22" x14ac:dyDescent="0.25">
      <c r="A313" s="3" t="s">
        <v>988</v>
      </c>
      <c r="B313" s="4" t="s">
        <v>897</v>
      </c>
      <c r="C313" s="3" t="s">
        <v>898</v>
      </c>
      <c r="D313" s="5" t="s">
        <v>1011</v>
      </c>
      <c r="E313" s="3" t="s">
        <v>540</v>
      </c>
      <c r="F313" s="3" t="s">
        <v>1619</v>
      </c>
      <c r="G313" s="3" t="s">
        <v>200</v>
      </c>
      <c r="H313" s="3" t="s">
        <v>29</v>
      </c>
      <c r="I313" s="3" t="s">
        <v>670</v>
      </c>
      <c r="J313" s="3" t="s">
        <v>1620</v>
      </c>
      <c r="K313" s="3" t="s">
        <v>32</v>
      </c>
      <c r="L313" s="3" t="s">
        <v>37</v>
      </c>
      <c r="M313" s="3" t="s">
        <v>34</v>
      </c>
      <c r="N313" s="3" t="s">
        <v>160</v>
      </c>
      <c r="O313" s="3" t="s">
        <v>80</v>
      </c>
      <c r="P313" s="3" t="s">
        <v>37</v>
      </c>
      <c r="Q313" s="3" t="s">
        <v>37</v>
      </c>
      <c r="R313" s="3" t="s">
        <v>38</v>
      </c>
      <c r="S313" s="3" t="s">
        <v>1621</v>
      </c>
      <c r="T313" s="3" t="s">
        <v>37</v>
      </c>
      <c r="U313" s="3" t="s">
        <v>37</v>
      </c>
      <c r="V313" s="3" t="s">
        <v>37</v>
      </c>
    </row>
    <row r="314" spans="1:22" x14ac:dyDescent="0.25">
      <c r="A314" s="3" t="s">
        <v>988</v>
      </c>
      <c r="B314" s="4" t="s">
        <v>897</v>
      </c>
      <c r="C314" s="3" t="s">
        <v>898</v>
      </c>
      <c r="D314" s="5" t="s">
        <v>1026</v>
      </c>
      <c r="E314" s="3" t="s">
        <v>540</v>
      </c>
      <c r="F314" s="3" t="s">
        <v>1271</v>
      </c>
      <c r="G314" s="3" t="s">
        <v>751</v>
      </c>
      <c r="H314" s="3" t="s">
        <v>77</v>
      </c>
      <c r="I314" s="3" t="s">
        <v>670</v>
      </c>
      <c r="J314" s="3" t="s">
        <v>1272</v>
      </c>
      <c r="K314" s="3" t="s">
        <v>32</v>
      </c>
      <c r="L314" s="3" t="s">
        <v>33</v>
      </c>
      <c r="M314" s="3" t="s">
        <v>34</v>
      </c>
      <c r="N314" s="3" t="s">
        <v>79</v>
      </c>
      <c r="O314" s="3" t="s">
        <v>80</v>
      </c>
      <c r="P314" s="3" t="s">
        <v>37</v>
      </c>
      <c r="Q314" s="3" t="s">
        <v>37</v>
      </c>
      <c r="R314" s="3" t="s">
        <v>38</v>
      </c>
      <c r="S314" s="3" t="s">
        <v>1273</v>
      </c>
      <c r="T314" s="3" t="s">
        <v>37</v>
      </c>
      <c r="U314" s="3" t="s">
        <v>37</v>
      </c>
      <c r="V314" s="3" t="s">
        <v>37</v>
      </c>
    </row>
    <row r="315" spans="1:22" x14ac:dyDescent="0.25">
      <c r="A315" s="3" t="s">
        <v>988</v>
      </c>
      <c r="B315" s="4" t="s">
        <v>897</v>
      </c>
      <c r="C315" s="3" t="s">
        <v>898</v>
      </c>
      <c r="D315" s="5" t="s">
        <v>1037</v>
      </c>
      <c r="E315" s="3" t="s">
        <v>1622</v>
      </c>
      <c r="F315" s="3" t="s">
        <v>37</v>
      </c>
      <c r="G315" s="3">
        <v>1</v>
      </c>
      <c r="H315" s="3">
        <v>0</v>
      </c>
      <c r="I315" s="3" t="s">
        <v>1623</v>
      </c>
      <c r="J315" s="3" t="s">
        <v>1624</v>
      </c>
      <c r="K315" s="3" t="s">
        <v>1060</v>
      </c>
      <c r="L315" s="3" t="s">
        <v>33</v>
      </c>
      <c r="M315" s="3" t="s">
        <v>66</v>
      </c>
      <c r="N315" s="3" t="s">
        <v>35</v>
      </c>
      <c r="O315" s="3" t="s">
        <v>1147</v>
      </c>
      <c r="P315" s="3" t="s">
        <v>37</v>
      </c>
      <c r="Q315" s="3" t="s">
        <v>37</v>
      </c>
      <c r="R315" s="3" t="s">
        <v>38</v>
      </c>
      <c r="S315" s="3" t="s">
        <v>1625</v>
      </c>
      <c r="T315" s="3" t="s">
        <v>37</v>
      </c>
      <c r="U315" s="3" t="s">
        <v>37</v>
      </c>
      <c r="V315" s="3" t="s">
        <v>37</v>
      </c>
    </row>
    <row r="316" spans="1:22" x14ac:dyDescent="0.25">
      <c r="A316" s="3" t="s">
        <v>988</v>
      </c>
      <c r="B316" s="4" t="s">
        <v>897</v>
      </c>
      <c r="C316" s="3" t="s">
        <v>898</v>
      </c>
      <c r="D316" s="5" t="s">
        <v>1048</v>
      </c>
      <c r="E316" s="3" t="s">
        <v>1007</v>
      </c>
      <c r="F316" s="3" t="s">
        <v>1054</v>
      </c>
      <c r="G316" s="3" t="s">
        <v>70</v>
      </c>
      <c r="H316" s="3" t="s">
        <v>64</v>
      </c>
      <c r="I316" s="3" t="s">
        <v>37</v>
      </c>
      <c r="J316" s="3" t="s">
        <v>1055</v>
      </c>
      <c r="K316" s="3" t="s">
        <v>32</v>
      </c>
      <c r="L316" s="3" t="s">
        <v>33</v>
      </c>
      <c r="M316" s="3" t="s">
        <v>66</v>
      </c>
      <c r="N316" s="3" t="s">
        <v>67</v>
      </c>
      <c r="O316" s="3" t="s">
        <v>52</v>
      </c>
      <c r="P316" s="3" t="s">
        <v>37</v>
      </c>
      <c r="Q316" s="3" t="s">
        <v>37</v>
      </c>
      <c r="R316" s="3" t="s">
        <v>38</v>
      </c>
      <c r="S316" s="3" t="s">
        <v>1056</v>
      </c>
      <c r="T316" s="3" t="s">
        <v>37</v>
      </c>
      <c r="U316" s="3" t="s">
        <v>37</v>
      </c>
      <c r="V316" s="3" t="s">
        <v>37</v>
      </c>
    </row>
    <row r="317" spans="1:22" x14ac:dyDescent="0.25">
      <c r="A317" s="3" t="s">
        <v>988</v>
      </c>
      <c r="B317" s="4" t="s">
        <v>897</v>
      </c>
      <c r="C317" s="3" t="s">
        <v>898</v>
      </c>
      <c r="D317" s="5" t="s">
        <v>1053</v>
      </c>
      <c r="E317" s="3" t="s">
        <v>1007</v>
      </c>
      <c r="F317" s="3" t="s">
        <v>1626</v>
      </c>
      <c r="G317" s="3" t="s">
        <v>293</v>
      </c>
      <c r="H317" s="3" t="s">
        <v>64</v>
      </c>
      <c r="I317" s="3" t="s">
        <v>37</v>
      </c>
      <c r="J317" s="3" t="s">
        <v>1627</v>
      </c>
      <c r="K317" s="3" t="s">
        <v>32</v>
      </c>
      <c r="L317" s="3" t="s">
        <v>33</v>
      </c>
      <c r="M317" s="3" t="s">
        <v>66</v>
      </c>
      <c r="N317" s="3" t="s">
        <v>67</v>
      </c>
      <c r="O317" s="3" t="s">
        <v>52</v>
      </c>
      <c r="P317" s="3" t="s">
        <v>37</v>
      </c>
      <c r="Q317" s="3" t="s">
        <v>37</v>
      </c>
      <c r="R317" s="3" t="s">
        <v>38</v>
      </c>
      <c r="S317" s="3" t="s">
        <v>1628</v>
      </c>
      <c r="T317" s="3" t="s">
        <v>37</v>
      </c>
      <c r="U317" s="3" t="s">
        <v>37</v>
      </c>
      <c r="V317" s="3" t="s">
        <v>37</v>
      </c>
    </row>
    <row r="318" spans="1:22" x14ac:dyDescent="0.25">
      <c r="A318" s="3" t="s">
        <v>988</v>
      </c>
      <c r="B318" s="4" t="s">
        <v>897</v>
      </c>
      <c r="C318" s="3" t="s">
        <v>898</v>
      </c>
      <c r="D318" s="5" t="s">
        <v>107</v>
      </c>
      <c r="E318" s="3" t="s">
        <v>1007</v>
      </c>
      <c r="F318" s="3" t="s">
        <v>1008</v>
      </c>
      <c r="G318" s="3" t="s">
        <v>228</v>
      </c>
      <c r="H318" s="3" t="s">
        <v>64</v>
      </c>
      <c r="I318" s="3" t="s">
        <v>37</v>
      </c>
      <c r="J318" s="7" t="s">
        <v>1009</v>
      </c>
      <c r="K318" s="3" t="s">
        <v>32</v>
      </c>
      <c r="L318" s="3" t="s">
        <v>33</v>
      </c>
      <c r="M318" s="3" t="s">
        <v>66</v>
      </c>
      <c r="N318" s="3" t="s">
        <v>67</v>
      </c>
      <c r="O318" s="3" t="s">
        <v>52</v>
      </c>
      <c r="P318" s="3" t="s">
        <v>37</v>
      </c>
      <c r="Q318" s="3" t="s">
        <v>37</v>
      </c>
      <c r="R318" s="3" t="s">
        <v>38</v>
      </c>
      <c r="S318" s="3" t="s">
        <v>1010</v>
      </c>
      <c r="T318" s="3" t="s">
        <v>37</v>
      </c>
      <c r="U318" s="3" t="s">
        <v>37</v>
      </c>
      <c r="V318" s="3" t="s">
        <v>37</v>
      </c>
    </row>
    <row r="319" spans="1:22" x14ac:dyDescent="0.25">
      <c r="A319" s="3" t="s">
        <v>988</v>
      </c>
      <c r="B319" s="4" t="s">
        <v>897</v>
      </c>
      <c r="C319" s="3" t="s">
        <v>898</v>
      </c>
      <c r="D319" s="5" t="s">
        <v>1318</v>
      </c>
      <c r="E319" s="3" t="s">
        <v>1007</v>
      </c>
      <c r="F319" s="3" t="s">
        <v>1191</v>
      </c>
      <c r="G319" s="3" t="s">
        <v>104</v>
      </c>
      <c r="H319" s="3" t="s">
        <v>64</v>
      </c>
      <c r="I319" s="3" t="s">
        <v>37</v>
      </c>
      <c r="J319" s="7" t="s">
        <v>1009</v>
      </c>
      <c r="K319" s="3" t="s">
        <v>32</v>
      </c>
      <c r="L319" s="3" t="s">
        <v>33</v>
      </c>
      <c r="M319" s="3" t="s">
        <v>66</v>
      </c>
      <c r="N319" s="3" t="s">
        <v>67</v>
      </c>
      <c r="O319" s="3" t="s">
        <v>52</v>
      </c>
      <c r="P319" s="3" t="s">
        <v>37</v>
      </c>
      <c r="Q319" s="3" t="s">
        <v>37</v>
      </c>
      <c r="R319" s="3" t="s">
        <v>38</v>
      </c>
      <c r="S319" s="3" t="s">
        <v>1192</v>
      </c>
      <c r="T319" s="3" t="s">
        <v>37</v>
      </c>
      <c r="U319" s="3" t="s">
        <v>37</v>
      </c>
      <c r="V319" s="3" t="s">
        <v>37</v>
      </c>
    </row>
    <row r="320" spans="1:22" x14ac:dyDescent="0.25">
      <c r="A320" s="3" t="s">
        <v>988</v>
      </c>
      <c r="B320" s="4" t="s">
        <v>897</v>
      </c>
      <c r="C320" s="3" t="s">
        <v>898</v>
      </c>
      <c r="D320" s="5" t="s">
        <v>1062</v>
      </c>
      <c r="E320" s="3" t="s">
        <v>540</v>
      </c>
      <c r="F320" s="3" t="s">
        <v>1629</v>
      </c>
      <c r="G320" s="3" t="s">
        <v>426</v>
      </c>
      <c r="H320" s="3" t="s">
        <v>29</v>
      </c>
      <c r="I320" s="3" t="s">
        <v>670</v>
      </c>
      <c r="J320" s="3" t="s">
        <v>1630</v>
      </c>
      <c r="K320" s="3" t="s">
        <v>32</v>
      </c>
      <c r="L320" s="3" t="s">
        <v>37</v>
      </c>
      <c r="M320" s="3" t="s">
        <v>34</v>
      </c>
      <c r="N320" s="3" t="s">
        <v>160</v>
      </c>
      <c r="O320" s="3" t="s">
        <v>80</v>
      </c>
      <c r="P320" s="3" t="s">
        <v>37</v>
      </c>
      <c r="Q320" s="3" t="s">
        <v>37</v>
      </c>
      <c r="R320" s="3" t="s">
        <v>38</v>
      </c>
      <c r="S320" s="3" t="s">
        <v>1631</v>
      </c>
      <c r="T320" s="3" t="s">
        <v>37</v>
      </c>
      <c r="U320" s="3" t="s">
        <v>37</v>
      </c>
      <c r="V320" s="3" t="s">
        <v>37</v>
      </c>
    </row>
    <row r="321" spans="1:22" x14ac:dyDescent="0.25">
      <c r="A321" s="3" t="s">
        <v>988</v>
      </c>
      <c r="B321" s="4" t="s">
        <v>897</v>
      </c>
      <c r="C321" s="3" t="s">
        <v>898</v>
      </c>
      <c r="D321" s="5" t="s">
        <v>483</v>
      </c>
      <c r="E321" s="3" t="s">
        <v>540</v>
      </c>
      <c r="F321" s="3" t="s">
        <v>1632</v>
      </c>
      <c r="G321" s="3" t="s">
        <v>430</v>
      </c>
      <c r="H321" s="3" t="s">
        <v>29</v>
      </c>
      <c r="I321" s="3" t="s">
        <v>670</v>
      </c>
      <c r="J321" s="3" t="s">
        <v>1633</v>
      </c>
      <c r="K321" s="3" t="s">
        <v>32</v>
      </c>
      <c r="L321" s="3" t="s">
        <v>37</v>
      </c>
      <c r="M321" s="3" t="s">
        <v>34</v>
      </c>
      <c r="N321" s="3" t="s">
        <v>160</v>
      </c>
      <c r="O321" s="3" t="s">
        <v>80</v>
      </c>
      <c r="P321" s="3" t="s">
        <v>37</v>
      </c>
      <c r="Q321" s="3" t="s">
        <v>37</v>
      </c>
      <c r="R321" s="3" t="s">
        <v>38</v>
      </c>
      <c r="S321" s="3" t="s">
        <v>1634</v>
      </c>
      <c r="T321" s="3" t="s">
        <v>37</v>
      </c>
      <c r="U321" s="3" t="s">
        <v>37</v>
      </c>
      <c r="V321" s="3" t="s">
        <v>37</v>
      </c>
    </row>
    <row r="322" spans="1:22" x14ac:dyDescent="0.25">
      <c r="A322" s="3" t="s">
        <v>988</v>
      </c>
      <c r="B322" s="4" t="s">
        <v>897</v>
      </c>
      <c r="C322" s="3" t="s">
        <v>898</v>
      </c>
      <c r="D322" s="5" t="s">
        <v>130</v>
      </c>
      <c r="E322" s="3" t="s">
        <v>540</v>
      </c>
      <c r="F322" s="3" t="s">
        <v>1635</v>
      </c>
      <c r="G322" s="3" t="s">
        <v>148</v>
      </c>
      <c r="H322" s="3" t="s">
        <v>77</v>
      </c>
      <c r="I322" s="3" t="s">
        <v>670</v>
      </c>
      <c r="J322" s="3" t="s">
        <v>1636</v>
      </c>
      <c r="K322" s="3" t="s">
        <v>32</v>
      </c>
      <c r="L322" s="3" t="s">
        <v>33</v>
      </c>
      <c r="M322" s="3" t="s">
        <v>34</v>
      </c>
      <c r="N322" s="3" t="s">
        <v>79</v>
      </c>
      <c r="O322" s="3" t="s">
        <v>80</v>
      </c>
      <c r="P322" s="3" t="s">
        <v>37</v>
      </c>
      <c r="Q322" s="3" t="s">
        <v>37</v>
      </c>
      <c r="R322" s="3" t="s">
        <v>38</v>
      </c>
      <c r="S322" s="3" t="s">
        <v>1637</v>
      </c>
      <c r="T322" s="3" t="s">
        <v>37</v>
      </c>
      <c r="U322" s="3" t="s">
        <v>37</v>
      </c>
      <c r="V322" s="3" t="s">
        <v>37</v>
      </c>
    </row>
    <row r="323" spans="1:22" x14ac:dyDescent="0.25">
      <c r="A323" s="3" t="s">
        <v>988</v>
      </c>
      <c r="B323" s="4" t="s">
        <v>897</v>
      </c>
      <c r="C323" s="3" t="s">
        <v>898</v>
      </c>
      <c r="D323" s="5" t="s">
        <v>495</v>
      </c>
      <c r="E323" s="3" t="s">
        <v>540</v>
      </c>
      <c r="F323" s="3" t="s">
        <v>1638</v>
      </c>
      <c r="G323" s="3" t="s">
        <v>143</v>
      </c>
      <c r="H323" s="3" t="s">
        <v>77</v>
      </c>
      <c r="I323" s="3" t="s">
        <v>670</v>
      </c>
      <c r="J323" s="3" t="s">
        <v>1639</v>
      </c>
      <c r="K323" s="3" t="s">
        <v>32</v>
      </c>
      <c r="L323" s="3" t="s">
        <v>33</v>
      </c>
      <c r="M323" s="3" t="s">
        <v>34</v>
      </c>
      <c r="N323" s="3" t="s">
        <v>79</v>
      </c>
      <c r="O323" s="3" t="s">
        <v>80</v>
      </c>
      <c r="P323" s="3" t="s">
        <v>37</v>
      </c>
      <c r="Q323" s="3" t="s">
        <v>37</v>
      </c>
      <c r="R323" s="3" t="s">
        <v>38</v>
      </c>
      <c r="S323" s="3" t="s">
        <v>1640</v>
      </c>
      <c r="T323" s="3" t="s">
        <v>37</v>
      </c>
      <c r="U323" s="3" t="s">
        <v>37</v>
      </c>
      <c r="V323" s="3" t="s">
        <v>37</v>
      </c>
    </row>
    <row r="324" spans="1:22" x14ac:dyDescent="0.25">
      <c r="A324" s="3" t="s">
        <v>988</v>
      </c>
      <c r="B324" s="4" t="s">
        <v>897</v>
      </c>
      <c r="C324" s="3" t="s">
        <v>898</v>
      </c>
      <c r="D324" s="5" t="s">
        <v>140</v>
      </c>
      <c r="E324" s="3" t="s">
        <v>1012</v>
      </c>
      <c r="F324" s="3" t="s">
        <v>1100</v>
      </c>
      <c r="G324" s="3" t="s">
        <v>170</v>
      </c>
      <c r="H324" s="3" t="s">
        <v>64</v>
      </c>
      <c r="I324" s="3" t="s">
        <v>1618</v>
      </c>
      <c r="J324" s="3" t="s">
        <v>1101</v>
      </c>
      <c r="K324" s="3" t="s">
        <v>32</v>
      </c>
      <c r="L324" s="3" t="s">
        <v>33</v>
      </c>
      <c r="M324" s="3" t="s">
        <v>1016</v>
      </c>
      <c r="N324" s="3" t="s">
        <v>79</v>
      </c>
      <c r="O324" s="3" t="s">
        <v>161</v>
      </c>
      <c r="P324" s="3" t="s">
        <v>37</v>
      </c>
      <c r="Q324" s="3" t="s">
        <v>37</v>
      </c>
      <c r="R324" s="3" t="s">
        <v>38</v>
      </c>
      <c r="S324" s="3" t="s">
        <v>1102</v>
      </c>
      <c r="T324" s="3" t="s">
        <v>37</v>
      </c>
      <c r="U324" s="3" t="s">
        <v>37</v>
      </c>
      <c r="V324" s="3" t="s">
        <v>37</v>
      </c>
    </row>
    <row r="325" spans="1:22" x14ac:dyDescent="0.25">
      <c r="A325" s="3" t="s">
        <v>988</v>
      </c>
      <c r="B325" s="4" t="s">
        <v>897</v>
      </c>
      <c r="C325" s="3" t="s">
        <v>898</v>
      </c>
      <c r="D325" s="5" t="s">
        <v>738</v>
      </c>
      <c r="E325" s="3" t="s">
        <v>1012</v>
      </c>
      <c r="F325" s="3" t="s">
        <v>1464</v>
      </c>
      <c r="G325" s="3" t="s">
        <v>426</v>
      </c>
      <c r="H325" s="3" t="s">
        <v>64</v>
      </c>
      <c r="I325" s="3" t="s">
        <v>1641</v>
      </c>
      <c r="J325" s="3" t="s">
        <v>1465</v>
      </c>
      <c r="K325" s="3" t="s">
        <v>32</v>
      </c>
      <c r="L325" s="3" t="s">
        <v>33</v>
      </c>
      <c r="M325" s="3" t="s">
        <v>1016</v>
      </c>
      <c r="N325" s="3" t="s">
        <v>79</v>
      </c>
      <c r="O325" s="3" t="s">
        <v>161</v>
      </c>
      <c r="P325" s="3" t="s">
        <v>37</v>
      </c>
      <c r="Q325" s="3" t="s">
        <v>37</v>
      </c>
      <c r="R325" s="3" t="s">
        <v>38</v>
      </c>
      <c r="S325" s="3" t="s">
        <v>1466</v>
      </c>
      <c r="T325" s="3" t="s">
        <v>37</v>
      </c>
      <c r="U325" s="3" t="s">
        <v>37</v>
      </c>
      <c r="V325" s="3" t="s">
        <v>37</v>
      </c>
    </row>
    <row r="326" spans="1:22" x14ac:dyDescent="0.25">
      <c r="A326" s="3" t="s">
        <v>988</v>
      </c>
      <c r="B326" s="4" t="s">
        <v>897</v>
      </c>
      <c r="C326" s="3" t="s">
        <v>898</v>
      </c>
      <c r="D326" s="5" t="s">
        <v>1109</v>
      </c>
      <c r="E326" s="3" t="s">
        <v>1012</v>
      </c>
      <c r="F326" s="3" t="s">
        <v>1283</v>
      </c>
      <c r="G326" s="3" t="s">
        <v>64</v>
      </c>
      <c r="H326" s="3" t="s">
        <v>64</v>
      </c>
      <c r="I326" s="3" t="s">
        <v>1618</v>
      </c>
      <c r="J326" s="3" t="s">
        <v>1284</v>
      </c>
      <c r="K326" s="3" t="s">
        <v>32</v>
      </c>
      <c r="L326" s="3" t="s">
        <v>33</v>
      </c>
      <c r="M326" s="3" t="s">
        <v>1016</v>
      </c>
      <c r="N326" s="3" t="s">
        <v>79</v>
      </c>
      <c r="O326" s="3" t="s">
        <v>161</v>
      </c>
      <c r="P326" s="3" t="s">
        <v>37</v>
      </c>
      <c r="Q326" s="3" t="s">
        <v>37</v>
      </c>
      <c r="R326" s="3" t="s">
        <v>38</v>
      </c>
      <c r="S326" s="3" t="s">
        <v>1285</v>
      </c>
      <c r="T326" s="3" t="s">
        <v>37</v>
      </c>
      <c r="U326" s="3" t="s">
        <v>37</v>
      </c>
      <c r="V326" s="3" t="s">
        <v>37</v>
      </c>
    </row>
    <row r="327" spans="1:22" x14ac:dyDescent="0.25">
      <c r="A327" s="3" t="s">
        <v>988</v>
      </c>
      <c r="B327" s="4" t="s">
        <v>897</v>
      </c>
      <c r="C327" s="3" t="s">
        <v>898</v>
      </c>
      <c r="D327" s="5" t="s">
        <v>503</v>
      </c>
      <c r="E327" s="3" t="s">
        <v>1012</v>
      </c>
      <c r="F327" s="3" t="s">
        <v>1373</v>
      </c>
      <c r="G327" s="3" t="s">
        <v>293</v>
      </c>
      <c r="H327" s="3" t="s">
        <v>64</v>
      </c>
      <c r="I327" s="3" t="s">
        <v>1641</v>
      </c>
      <c r="J327" s="3" t="s">
        <v>1374</v>
      </c>
      <c r="K327" s="3" t="s">
        <v>32</v>
      </c>
      <c r="L327" s="3" t="s">
        <v>33</v>
      </c>
      <c r="M327" s="3" t="s">
        <v>1016</v>
      </c>
      <c r="N327" s="3" t="s">
        <v>79</v>
      </c>
      <c r="O327" s="3" t="s">
        <v>161</v>
      </c>
      <c r="P327" s="3" t="s">
        <v>37</v>
      </c>
      <c r="Q327" s="3" t="s">
        <v>37</v>
      </c>
      <c r="R327" s="3" t="s">
        <v>38</v>
      </c>
      <c r="S327" s="3" t="s">
        <v>1375</v>
      </c>
      <c r="T327" s="3" t="s">
        <v>37</v>
      </c>
      <c r="U327" s="3" t="s">
        <v>37</v>
      </c>
      <c r="V327" s="3" t="s">
        <v>37</v>
      </c>
    </row>
    <row r="328" spans="1:22" x14ac:dyDescent="0.25">
      <c r="A328" s="3" t="s">
        <v>988</v>
      </c>
      <c r="B328" s="4" t="s">
        <v>897</v>
      </c>
      <c r="C328" s="3" t="s">
        <v>898</v>
      </c>
      <c r="D328" s="5" t="s">
        <v>1116</v>
      </c>
      <c r="E328" s="3" t="s">
        <v>1012</v>
      </c>
      <c r="F328" s="3" t="s">
        <v>1330</v>
      </c>
      <c r="G328" s="3" t="s">
        <v>213</v>
      </c>
      <c r="H328" s="3" t="s">
        <v>64</v>
      </c>
      <c r="I328" s="3" t="s">
        <v>1618</v>
      </c>
      <c r="J328" s="3" t="s">
        <v>1331</v>
      </c>
      <c r="K328" s="3" t="s">
        <v>32</v>
      </c>
      <c r="L328" s="3" t="s">
        <v>33</v>
      </c>
      <c r="M328" s="3" t="s">
        <v>1016</v>
      </c>
      <c r="N328" s="3" t="s">
        <v>79</v>
      </c>
      <c r="O328" s="3" t="s">
        <v>161</v>
      </c>
      <c r="P328" s="3" t="s">
        <v>37</v>
      </c>
      <c r="Q328" s="3" t="s">
        <v>37</v>
      </c>
      <c r="R328" s="3" t="s">
        <v>38</v>
      </c>
      <c r="S328" s="3" t="s">
        <v>1332</v>
      </c>
      <c r="T328" s="3" t="s">
        <v>37</v>
      </c>
      <c r="U328" s="3" t="s">
        <v>37</v>
      </c>
      <c r="V328" s="3" t="s">
        <v>37</v>
      </c>
    </row>
    <row r="329" spans="1:22" x14ac:dyDescent="0.25">
      <c r="A329" s="3" t="s">
        <v>988</v>
      </c>
      <c r="B329" s="4" t="s">
        <v>897</v>
      </c>
      <c r="C329" s="3" t="s">
        <v>898</v>
      </c>
      <c r="D329" s="5" t="s">
        <v>152</v>
      </c>
      <c r="E329" s="3" t="s">
        <v>1012</v>
      </c>
      <c r="F329" s="3" t="s">
        <v>1287</v>
      </c>
      <c r="G329" s="3" t="s">
        <v>29</v>
      </c>
      <c r="H329" s="3" t="s">
        <v>64</v>
      </c>
      <c r="I329" s="3" t="s">
        <v>1618</v>
      </c>
      <c r="J329" s="3" t="s">
        <v>1288</v>
      </c>
      <c r="K329" s="3" t="s">
        <v>32</v>
      </c>
      <c r="L329" s="3" t="s">
        <v>33</v>
      </c>
      <c r="M329" s="3" t="s">
        <v>1016</v>
      </c>
      <c r="N329" s="3" t="s">
        <v>79</v>
      </c>
      <c r="O329" s="3" t="s">
        <v>161</v>
      </c>
      <c r="P329" s="3" t="s">
        <v>37</v>
      </c>
      <c r="Q329" s="3" t="s">
        <v>37</v>
      </c>
      <c r="R329" s="3" t="s">
        <v>38</v>
      </c>
      <c r="S329" s="3" t="s">
        <v>1289</v>
      </c>
      <c r="T329" s="3" t="s">
        <v>37</v>
      </c>
      <c r="U329" s="3" t="s">
        <v>37</v>
      </c>
      <c r="V329" s="3" t="s">
        <v>37</v>
      </c>
    </row>
    <row r="330" spans="1:22" x14ac:dyDescent="0.25">
      <c r="A330" s="3" t="s">
        <v>988</v>
      </c>
      <c r="B330" s="4" t="s">
        <v>897</v>
      </c>
      <c r="C330" s="3" t="s">
        <v>898</v>
      </c>
      <c r="D330" s="5" t="s">
        <v>154</v>
      </c>
      <c r="E330" s="3" t="s">
        <v>1012</v>
      </c>
      <c r="F330" s="3" t="s">
        <v>1023</v>
      </c>
      <c r="G330" s="3" t="s">
        <v>99</v>
      </c>
      <c r="H330" s="3" t="s">
        <v>64</v>
      </c>
      <c r="I330" s="3" t="s">
        <v>1618</v>
      </c>
      <c r="J330" s="3" t="s">
        <v>1024</v>
      </c>
      <c r="K330" s="3" t="s">
        <v>32</v>
      </c>
      <c r="L330" s="3" t="s">
        <v>33</v>
      </c>
      <c r="M330" s="3" t="s">
        <v>1016</v>
      </c>
      <c r="N330" s="3" t="s">
        <v>79</v>
      </c>
      <c r="O330" s="3" t="s">
        <v>161</v>
      </c>
      <c r="P330" s="3" t="s">
        <v>37</v>
      </c>
      <c r="Q330" s="3" t="s">
        <v>37</v>
      </c>
      <c r="R330" s="3" t="s">
        <v>38</v>
      </c>
      <c r="S330" s="3" t="s">
        <v>1025</v>
      </c>
      <c r="T330" s="3" t="s">
        <v>37</v>
      </c>
      <c r="U330" s="3" t="s">
        <v>37</v>
      </c>
      <c r="V330" s="3" t="s">
        <v>37</v>
      </c>
    </row>
    <row r="331" spans="1:22" x14ac:dyDescent="0.25">
      <c r="A331" s="3" t="s">
        <v>988</v>
      </c>
      <c r="B331" s="4" t="s">
        <v>897</v>
      </c>
      <c r="C331" s="3" t="s">
        <v>898</v>
      </c>
      <c r="D331" s="5" t="s">
        <v>1336</v>
      </c>
      <c r="E331" s="3" t="s">
        <v>1012</v>
      </c>
      <c r="F331" s="3" t="s">
        <v>1027</v>
      </c>
      <c r="G331" s="3" t="s">
        <v>120</v>
      </c>
      <c r="H331" s="3" t="s">
        <v>64</v>
      </c>
      <c r="I331" s="3" t="s">
        <v>1641</v>
      </c>
      <c r="J331" s="3" t="s">
        <v>1028</v>
      </c>
      <c r="K331" s="3" t="s">
        <v>32</v>
      </c>
      <c r="L331" s="3" t="s">
        <v>33</v>
      </c>
      <c r="M331" s="3" t="s">
        <v>1016</v>
      </c>
      <c r="N331" s="3" t="s">
        <v>79</v>
      </c>
      <c r="O331" s="3" t="s">
        <v>161</v>
      </c>
      <c r="P331" s="3" t="s">
        <v>37</v>
      </c>
      <c r="Q331" s="3" t="s">
        <v>37</v>
      </c>
      <c r="R331" s="3" t="s">
        <v>38</v>
      </c>
      <c r="S331" s="3" t="s">
        <v>1029</v>
      </c>
      <c r="T331" s="3" t="s">
        <v>37</v>
      </c>
      <c r="U331" s="3" t="s">
        <v>37</v>
      </c>
      <c r="V331" s="3" t="s">
        <v>37</v>
      </c>
    </row>
    <row r="332" spans="1:22" x14ac:dyDescent="0.25">
      <c r="A332" s="3" t="s">
        <v>988</v>
      </c>
      <c r="B332" s="4" t="s">
        <v>897</v>
      </c>
      <c r="C332" s="3" t="s">
        <v>898</v>
      </c>
      <c r="D332" s="5" t="s">
        <v>1340</v>
      </c>
      <c r="E332" s="3" t="s">
        <v>1012</v>
      </c>
      <c r="F332" s="3" t="s">
        <v>1290</v>
      </c>
      <c r="G332" s="3" t="s">
        <v>77</v>
      </c>
      <c r="H332" s="3" t="s">
        <v>64</v>
      </c>
      <c r="I332" s="3" t="s">
        <v>1641</v>
      </c>
      <c r="J332" s="3" t="s">
        <v>1291</v>
      </c>
      <c r="K332" s="3" t="s">
        <v>32</v>
      </c>
      <c r="L332" s="3" t="s">
        <v>33</v>
      </c>
      <c r="M332" s="3" t="s">
        <v>1016</v>
      </c>
      <c r="N332" s="3" t="s">
        <v>79</v>
      </c>
      <c r="O332" s="3" t="s">
        <v>161</v>
      </c>
      <c r="P332" s="3" t="s">
        <v>37</v>
      </c>
      <c r="Q332" s="3" t="s">
        <v>37</v>
      </c>
      <c r="R332" s="3" t="s">
        <v>38</v>
      </c>
      <c r="S332" s="3" t="s">
        <v>1292</v>
      </c>
      <c r="T332" s="3" t="s">
        <v>37</v>
      </c>
      <c r="U332" s="3" t="s">
        <v>37</v>
      </c>
      <c r="V332" s="3" t="s">
        <v>37</v>
      </c>
    </row>
    <row r="333" spans="1:22" x14ac:dyDescent="0.25">
      <c r="A333" s="3" t="s">
        <v>988</v>
      </c>
      <c r="B333" s="4" t="s">
        <v>897</v>
      </c>
      <c r="C333" s="3" t="s">
        <v>898</v>
      </c>
      <c r="D333" s="5" t="s">
        <v>168</v>
      </c>
      <c r="E333" s="3" t="s">
        <v>1012</v>
      </c>
      <c r="F333" s="3" t="s">
        <v>1337</v>
      </c>
      <c r="G333" s="3" t="s">
        <v>70</v>
      </c>
      <c r="H333" s="3" t="s">
        <v>64</v>
      </c>
      <c r="I333" s="3" t="s">
        <v>1641</v>
      </c>
      <c r="J333" s="3" t="s">
        <v>1338</v>
      </c>
      <c r="K333" s="3" t="s">
        <v>32</v>
      </c>
      <c r="L333" s="3" t="s">
        <v>33</v>
      </c>
      <c r="M333" s="3" t="s">
        <v>1016</v>
      </c>
      <c r="N333" s="3" t="s">
        <v>79</v>
      </c>
      <c r="O333" s="3" t="s">
        <v>161</v>
      </c>
      <c r="P333" s="3" t="s">
        <v>37</v>
      </c>
      <c r="Q333" s="3" t="s">
        <v>37</v>
      </c>
      <c r="R333" s="3" t="s">
        <v>38</v>
      </c>
      <c r="S333" s="3" t="s">
        <v>1339</v>
      </c>
      <c r="T333" s="3" t="s">
        <v>37</v>
      </c>
      <c r="U333" s="3" t="s">
        <v>37</v>
      </c>
      <c r="V333" s="3" t="s">
        <v>37</v>
      </c>
    </row>
    <row r="334" spans="1:22" x14ac:dyDescent="0.25">
      <c r="A334" s="3" t="s">
        <v>988</v>
      </c>
      <c r="B334" s="4" t="s">
        <v>897</v>
      </c>
      <c r="C334" s="3" t="s">
        <v>898</v>
      </c>
      <c r="D334" s="5" t="s">
        <v>1344</v>
      </c>
      <c r="E334" s="3" t="s">
        <v>1012</v>
      </c>
      <c r="F334" s="3" t="s">
        <v>1297</v>
      </c>
      <c r="G334" s="3" t="s">
        <v>222</v>
      </c>
      <c r="H334" s="3" t="s">
        <v>64</v>
      </c>
      <c r="I334" s="3" t="s">
        <v>1618</v>
      </c>
      <c r="J334" s="8" t="s">
        <v>1298</v>
      </c>
      <c r="K334" s="3" t="s">
        <v>32</v>
      </c>
      <c r="L334" s="3" t="s">
        <v>33</v>
      </c>
      <c r="M334" s="3" t="s">
        <v>1016</v>
      </c>
      <c r="N334" s="3" t="s">
        <v>79</v>
      </c>
      <c r="O334" s="3" t="s">
        <v>161</v>
      </c>
      <c r="P334" s="3" t="s">
        <v>37</v>
      </c>
      <c r="Q334" s="3" t="s">
        <v>37</v>
      </c>
      <c r="R334" s="3" t="s">
        <v>38</v>
      </c>
      <c r="S334" s="3" t="s">
        <v>1299</v>
      </c>
      <c r="T334" s="3" t="s">
        <v>37</v>
      </c>
      <c r="U334" s="3" t="s">
        <v>37</v>
      </c>
      <c r="V334" s="3" t="s">
        <v>37</v>
      </c>
    </row>
    <row r="335" spans="1:22" x14ac:dyDescent="0.25">
      <c r="A335" s="3" t="s">
        <v>988</v>
      </c>
      <c r="B335" s="4" t="s">
        <v>897</v>
      </c>
      <c r="C335" s="3" t="s">
        <v>898</v>
      </c>
      <c r="D335" s="5" t="s">
        <v>1348</v>
      </c>
      <c r="E335" s="3" t="s">
        <v>1012</v>
      </c>
      <c r="F335" s="3" t="s">
        <v>1293</v>
      </c>
      <c r="G335" s="3" t="s">
        <v>278</v>
      </c>
      <c r="H335" s="3" t="s">
        <v>64</v>
      </c>
      <c r="I335" s="3" t="s">
        <v>1641</v>
      </c>
      <c r="J335" s="3" t="s">
        <v>1294</v>
      </c>
      <c r="K335" s="3" t="s">
        <v>32</v>
      </c>
      <c r="L335" s="3" t="s">
        <v>33</v>
      </c>
      <c r="M335" s="3" t="s">
        <v>1016</v>
      </c>
      <c r="N335" s="3" t="s">
        <v>79</v>
      </c>
      <c r="O335" s="3" t="s">
        <v>161</v>
      </c>
      <c r="P335" s="3" t="s">
        <v>37</v>
      </c>
      <c r="Q335" s="3" t="s">
        <v>37</v>
      </c>
      <c r="R335" s="3" t="s">
        <v>38</v>
      </c>
      <c r="S335" s="3" t="s">
        <v>1295</v>
      </c>
      <c r="T335" s="3" t="s">
        <v>37</v>
      </c>
      <c r="U335" s="3" t="s">
        <v>37</v>
      </c>
      <c r="V335" s="3" t="s">
        <v>37</v>
      </c>
    </row>
    <row r="336" spans="1:22" x14ac:dyDescent="0.25">
      <c r="A336" s="3" t="s">
        <v>988</v>
      </c>
      <c r="B336" s="4" t="s">
        <v>897</v>
      </c>
      <c r="C336" s="3" t="s">
        <v>898</v>
      </c>
      <c r="D336" s="5" t="s">
        <v>1131</v>
      </c>
      <c r="E336" s="3" t="s">
        <v>1012</v>
      </c>
      <c r="F336" s="3" t="s">
        <v>1341</v>
      </c>
      <c r="G336" s="3" t="s">
        <v>153</v>
      </c>
      <c r="H336" s="3" t="s">
        <v>64</v>
      </c>
      <c r="I336" s="3" t="s">
        <v>1618</v>
      </c>
      <c r="J336" s="3" t="s">
        <v>1342</v>
      </c>
      <c r="K336" s="3" t="s">
        <v>32</v>
      </c>
      <c r="L336" s="3" t="s">
        <v>33</v>
      </c>
      <c r="M336" s="3" t="s">
        <v>1016</v>
      </c>
      <c r="N336" s="3" t="s">
        <v>79</v>
      </c>
      <c r="O336" s="3" t="s">
        <v>161</v>
      </c>
      <c r="P336" s="3" t="s">
        <v>37</v>
      </c>
      <c r="Q336" s="3" t="s">
        <v>37</v>
      </c>
      <c r="R336" s="3" t="s">
        <v>38</v>
      </c>
      <c r="S336" s="3" t="s">
        <v>1343</v>
      </c>
      <c r="T336" s="3" t="s">
        <v>37</v>
      </c>
      <c r="U336" s="3" t="s">
        <v>37</v>
      </c>
      <c r="V336" s="3" t="s">
        <v>37</v>
      </c>
    </row>
    <row r="337" spans="1:22" x14ac:dyDescent="0.25">
      <c r="A337" s="3" t="s">
        <v>988</v>
      </c>
      <c r="B337" s="4" t="s">
        <v>897</v>
      </c>
      <c r="C337" s="3" t="s">
        <v>898</v>
      </c>
      <c r="D337" s="5" t="s">
        <v>177</v>
      </c>
      <c r="E337" s="3" t="s">
        <v>1012</v>
      </c>
      <c r="F337" s="3" t="s">
        <v>1301</v>
      </c>
      <c r="G337" s="3" t="s">
        <v>380</v>
      </c>
      <c r="H337" s="3" t="s">
        <v>64</v>
      </c>
      <c r="I337" s="3" t="s">
        <v>1618</v>
      </c>
      <c r="J337" s="3" t="s">
        <v>1302</v>
      </c>
      <c r="K337" s="3" t="s">
        <v>32</v>
      </c>
      <c r="L337" s="3" t="s">
        <v>33</v>
      </c>
      <c r="M337" s="3" t="s">
        <v>1016</v>
      </c>
      <c r="N337" s="3" t="s">
        <v>79</v>
      </c>
      <c r="O337" s="3" t="s">
        <v>161</v>
      </c>
      <c r="P337" s="3" t="s">
        <v>37</v>
      </c>
      <c r="Q337" s="3" t="s">
        <v>37</v>
      </c>
      <c r="R337" s="3" t="s">
        <v>38</v>
      </c>
      <c r="S337" s="3" t="s">
        <v>1303</v>
      </c>
      <c r="T337" s="3" t="s">
        <v>37</v>
      </c>
      <c r="U337" s="3" t="s">
        <v>37</v>
      </c>
      <c r="V337" s="3" t="s">
        <v>37</v>
      </c>
    </row>
    <row r="338" spans="1:22" x14ac:dyDescent="0.25">
      <c r="A338" s="3" t="s">
        <v>988</v>
      </c>
      <c r="B338" s="4" t="s">
        <v>897</v>
      </c>
      <c r="C338" s="3" t="s">
        <v>898</v>
      </c>
      <c r="D338" s="5" t="s">
        <v>1352</v>
      </c>
      <c r="E338" s="3" t="s">
        <v>1012</v>
      </c>
      <c r="F338" s="3" t="s">
        <v>1034</v>
      </c>
      <c r="G338" s="3" t="s">
        <v>281</v>
      </c>
      <c r="H338" s="3" t="s">
        <v>64</v>
      </c>
      <c r="I338" s="3" t="s">
        <v>1618</v>
      </c>
      <c r="J338" s="3" t="s">
        <v>1035</v>
      </c>
      <c r="K338" s="3" t="s">
        <v>32</v>
      </c>
      <c r="L338" s="3" t="s">
        <v>33</v>
      </c>
      <c r="M338" s="3" t="s">
        <v>1016</v>
      </c>
      <c r="N338" s="3" t="s">
        <v>79</v>
      </c>
      <c r="O338" s="3" t="s">
        <v>161</v>
      </c>
      <c r="P338" s="3" t="s">
        <v>37</v>
      </c>
      <c r="Q338" s="3" t="s">
        <v>37</v>
      </c>
      <c r="R338" s="3" t="s">
        <v>38</v>
      </c>
      <c r="S338" s="3" t="s">
        <v>1036</v>
      </c>
      <c r="T338" s="3" t="s">
        <v>37</v>
      </c>
      <c r="U338" s="3" t="s">
        <v>37</v>
      </c>
      <c r="V338" s="3" t="s">
        <v>37</v>
      </c>
    </row>
    <row r="339" spans="1:22" x14ac:dyDescent="0.25">
      <c r="A339" s="3" t="s">
        <v>988</v>
      </c>
      <c r="B339" s="4" t="s">
        <v>897</v>
      </c>
      <c r="C339" s="3" t="s">
        <v>898</v>
      </c>
      <c r="D339" s="5" t="s">
        <v>1135</v>
      </c>
      <c r="E339" s="3" t="s">
        <v>1038</v>
      </c>
      <c r="F339" s="3" t="s">
        <v>1642</v>
      </c>
      <c r="G339" s="3" t="s">
        <v>344</v>
      </c>
      <c r="H339" s="3" t="s">
        <v>77</v>
      </c>
      <c r="I339" s="3" t="s">
        <v>37</v>
      </c>
      <c r="J339" s="3" t="s">
        <v>1643</v>
      </c>
      <c r="K339" s="3" t="s">
        <v>32</v>
      </c>
      <c r="L339" s="3" t="s">
        <v>33</v>
      </c>
      <c r="M339" s="3" t="s">
        <v>66</v>
      </c>
      <c r="N339" s="3" t="s">
        <v>79</v>
      </c>
      <c r="O339" s="3" t="s">
        <v>80</v>
      </c>
      <c r="P339" s="3" t="s">
        <v>37</v>
      </c>
      <c r="Q339" s="3" t="s">
        <v>37</v>
      </c>
      <c r="R339" s="3" t="s">
        <v>38</v>
      </c>
      <c r="S339" s="3" t="s">
        <v>1644</v>
      </c>
      <c r="T339" s="3" t="s">
        <v>37</v>
      </c>
      <c r="U339" s="3" t="s">
        <v>37</v>
      </c>
      <c r="V339" s="3" t="s">
        <v>37</v>
      </c>
    </row>
    <row r="340" spans="1:22" x14ac:dyDescent="0.25">
      <c r="A340" s="3" t="s">
        <v>988</v>
      </c>
      <c r="B340" s="4" t="s">
        <v>897</v>
      </c>
      <c r="C340" s="3" t="s">
        <v>898</v>
      </c>
      <c r="D340" s="5" t="s">
        <v>1139</v>
      </c>
      <c r="E340" s="3" t="s">
        <v>1645</v>
      </c>
      <c r="F340" s="3" t="s">
        <v>1646</v>
      </c>
      <c r="G340" s="3" t="s">
        <v>89</v>
      </c>
      <c r="H340" s="3" t="s">
        <v>64</v>
      </c>
      <c r="I340" s="3" t="s">
        <v>1647</v>
      </c>
      <c r="J340" s="3" t="s">
        <v>1648</v>
      </c>
      <c r="K340" s="3" t="s">
        <v>32</v>
      </c>
      <c r="L340" s="3" t="s">
        <v>33</v>
      </c>
      <c r="M340" s="3" t="s">
        <v>66</v>
      </c>
      <c r="N340" s="3" t="s">
        <v>160</v>
      </c>
      <c r="O340" s="3" t="s">
        <v>80</v>
      </c>
      <c r="P340" s="3" t="s">
        <v>37</v>
      </c>
      <c r="Q340" s="3" t="s">
        <v>37</v>
      </c>
      <c r="R340" s="3" t="s">
        <v>38</v>
      </c>
      <c r="S340" s="3" t="s">
        <v>1649</v>
      </c>
      <c r="T340" s="3" t="s">
        <v>37</v>
      </c>
      <c r="U340" s="3" t="s">
        <v>37</v>
      </c>
      <c r="V340" s="3" t="s">
        <v>37</v>
      </c>
    </row>
    <row r="341" spans="1:22" x14ac:dyDescent="0.25">
      <c r="A341" s="3" t="s">
        <v>988</v>
      </c>
      <c r="B341" s="4" t="s">
        <v>897</v>
      </c>
      <c r="C341" s="3" t="s">
        <v>898</v>
      </c>
      <c r="D341" s="5" t="s">
        <v>1143</v>
      </c>
      <c r="E341" s="3" t="s">
        <v>1126</v>
      </c>
      <c r="F341" s="3" t="s">
        <v>1650</v>
      </c>
      <c r="G341" s="3" t="s">
        <v>137</v>
      </c>
      <c r="H341" s="3" t="s">
        <v>29</v>
      </c>
      <c r="I341" s="3" t="s">
        <v>37</v>
      </c>
      <c r="J341" s="3" t="s">
        <v>1651</v>
      </c>
      <c r="K341" s="3" t="s">
        <v>32</v>
      </c>
      <c r="L341" s="3" t="s">
        <v>33</v>
      </c>
      <c r="M341" s="3" t="s">
        <v>66</v>
      </c>
      <c r="N341" s="3" t="s">
        <v>67</v>
      </c>
      <c r="O341" s="3" t="s">
        <v>80</v>
      </c>
      <c r="P341" s="3" t="s">
        <v>37</v>
      </c>
      <c r="Q341" s="3" t="s">
        <v>37</v>
      </c>
      <c r="R341" s="3" t="s">
        <v>38</v>
      </c>
      <c r="S341" s="3" t="s">
        <v>1652</v>
      </c>
      <c r="T341" s="3" t="s">
        <v>37</v>
      </c>
      <c r="U341" s="3" t="s">
        <v>37</v>
      </c>
      <c r="V341" s="3" t="s">
        <v>37</v>
      </c>
    </row>
    <row r="342" spans="1:22" x14ac:dyDescent="0.25">
      <c r="A342" s="3" t="s">
        <v>988</v>
      </c>
      <c r="B342" s="4" t="s">
        <v>897</v>
      </c>
      <c r="C342" s="3" t="s">
        <v>898</v>
      </c>
      <c r="D342" s="5" t="s">
        <v>1359</v>
      </c>
      <c r="E342" s="3" t="s">
        <v>540</v>
      </c>
      <c r="F342" s="3" t="s">
        <v>1653</v>
      </c>
      <c r="G342" s="3" t="s">
        <v>179</v>
      </c>
      <c r="H342" s="3" t="s">
        <v>77</v>
      </c>
      <c r="I342" s="3" t="s">
        <v>670</v>
      </c>
      <c r="J342" s="3" t="s">
        <v>1654</v>
      </c>
      <c r="K342" s="3" t="s">
        <v>32</v>
      </c>
      <c r="L342" s="3" t="s">
        <v>33</v>
      </c>
      <c r="M342" s="3" t="s">
        <v>34</v>
      </c>
      <c r="N342" s="3" t="s">
        <v>79</v>
      </c>
      <c r="O342" s="3" t="s">
        <v>80</v>
      </c>
      <c r="P342" s="3" t="s">
        <v>37</v>
      </c>
      <c r="Q342" s="3" t="s">
        <v>37</v>
      </c>
      <c r="R342" s="3" t="s">
        <v>38</v>
      </c>
      <c r="S342" s="3" t="s">
        <v>1655</v>
      </c>
      <c r="T342" s="3" t="s">
        <v>37</v>
      </c>
      <c r="U342" s="3" t="s">
        <v>37</v>
      </c>
      <c r="V342" s="3" t="s">
        <v>37</v>
      </c>
    </row>
    <row r="343" spans="1:22" x14ac:dyDescent="0.25">
      <c r="A343" s="3" t="s">
        <v>988</v>
      </c>
      <c r="B343" s="4" t="s">
        <v>897</v>
      </c>
      <c r="C343" s="3" t="s">
        <v>898</v>
      </c>
      <c r="D343" s="5" t="s">
        <v>1149</v>
      </c>
      <c r="E343" s="3" t="s">
        <v>1150</v>
      </c>
      <c r="F343" s="3" t="s">
        <v>1656</v>
      </c>
      <c r="G343" s="3" t="s">
        <v>1657</v>
      </c>
      <c r="H343" s="3" t="s">
        <v>77</v>
      </c>
      <c r="I343" s="3" t="s">
        <v>37</v>
      </c>
      <c r="J343" s="3" t="s">
        <v>1658</v>
      </c>
      <c r="K343" s="3" t="s">
        <v>32</v>
      </c>
      <c r="L343" s="3" t="s">
        <v>33</v>
      </c>
      <c r="M343" s="3" t="s">
        <v>66</v>
      </c>
      <c r="N343" s="3" t="s">
        <v>67</v>
      </c>
      <c r="O343" s="3" t="s">
        <v>80</v>
      </c>
      <c r="P343" s="3" t="s">
        <v>37</v>
      </c>
      <c r="Q343" s="3" t="s">
        <v>37</v>
      </c>
      <c r="R343" s="3" t="s">
        <v>38</v>
      </c>
      <c r="S343" s="3" t="s">
        <v>1659</v>
      </c>
      <c r="T343" s="3" t="s">
        <v>37</v>
      </c>
      <c r="U343" s="3" t="s">
        <v>37</v>
      </c>
      <c r="V343" s="3" t="s">
        <v>37</v>
      </c>
    </row>
    <row r="344" spans="1:22" x14ac:dyDescent="0.25">
      <c r="A344" s="3" t="s">
        <v>988</v>
      </c>
      <c r="B344" s="4" t="s">
        <v>897</v>
      </c>
      <c r="C344" s="3" t="s">
        <v>898</v>
      </c>
      <c r="D344" s="5" t="s">
        <v>207</v>
      </c>
      <c r="E344" s="3" t="s">
        <v>1154</v>
      </c>
      <c r="F344" s="3" t="s">
        <v>1436</v>
      </c>
      <c r="G344" s="3" t="s">
        <v>892</v>
      </c>
      <c r="H344" s="3" t="s">
        <v>77</v>
      </c>
      <c r="I344" s="3" t="s">
        <v>1437</v>
      </c>
      <c r="J344" s="3" t="s">
        <v>1438</v>
      </c>
      <c r="K344" s="3" t="s">
        <v>32</v>
      </c>
      <c r="L344" s="3" t="s">
        <v>33</v>
      </c>
      <c r="M344" s="3" t="s">
        <v>66</v>
      </c>
      <c r="N344" s="3" t="s">
        <v>35</v>
      </c>
      <c r="O344" s="3" t="s">
        <v>80</v>
      </c>
      <c r="P344" s="3" t="s">
        <v>37</v>
      </c>
      <c r="Q344" s="3" t="s">
        <v>37</v>
      </c>
      <c r="R344" s="3" t="s">
        <v>38</v>
      </c>
      <c r="S344" s="3" t="s">
        <v>1439</v>
      </c>
      <c r="T344" s="3" t="s">
        <v>37</v>
      </c>
      <c r="U344" s="3" t="s">
        <v>37</v>
      </c>
      <c r="V344" s="3" t="s">
        <v>37</v>
      </c>
    </row>
    <row r="345" spans="1:22" x14ac:dyDescent="0.25">
      <c r="A345" s="3" t="s">
        <v>988</v>
      </c>
      <c r="B345" s="4" t="s">
        <v>897</v>
      </c>
      <c r="C345" s="3" t="s">
        <v>898</v>
      </c>
      <c r="D345" s="5" t="s">
        <v>1158</v>
      </c>
      <c r="E345" s="3" t="s">
        <v>1367</v>
      </c>
      <c r="F345" s="3" t="s">
        <v>1660</v>
      </c>
      <c r="G345" s="3" t="s">
        <v>852</v>
      </c>
      <c r="H345" s="3" t="s">
        <v>278</v>
      </c>
      <c r="I345" s="3" t="s">
        <v>1661</v>
      </c>
      <c r="J345" s="3" t="s">
        <v>1662</v>
      </c>
      <c r="K345" s="3" t="s">
        <v>32</v>
      </c>
      <c r="L345" s="3" t="s">
        <v>33</v>
      </c>
      <c r="M345" s="3" t="s">
        <v>66</v>
      </c>
      <c r="N345" s="3" t="s">
        <v>51</v>
      </c>
      <c r="O345" s="3" t="s">
        <v>80</v>
      </c>
      <c r="P345" s="3" t="s">
        <v>37</v>
      </c>
      <c r="Q345" s="3" t="s">
        <v>37</v>
      </c>
      <c r="R345" s="3" t="s">
        <v>38</v>
      </c>
      <c r="S345" s="3" t="s">
        <v>1663</v>
      </c>
      <c r="T345" s="3" t="s">
        <v>37</v>
      </c>
      <c r="U345" s="3" t="s">
        <v>37</v>
      </c>
      <c r="V345" s="3" t="s">
        <v>37</v>
      </c>
    </row>
    <row r="346" spans="1:22" x14ac:dyDescent="0.25">
      <c r="A346" s="3" t="s">
        <v>988</v>
      </c>
      <c r="B346" s="4" t="s">
        <v>897</v>
      </c>
      <c r="C346" s="3" t="s">
        <v>898</v>
      </c>
      <c r="D346" s="5" t="s">
        <v>539</v>
      </c>
      <c r="E346" s="3" t="s">
        <v>1012</v>
      </c>
      <c r="F346" s="3" t="s">
        <v>1196</v>
      </c>
      <c r="G346" s="3" t="s">
        <v>283</v>
      </c>
      <c r="H346" s="3" t="s">
        <v>64</v>
      </c>
      <c r="I346" s="3" t="s">
        <v>1618</v>
      </c>
      <c r="J346" s="3" t="s">
        <v>1197</v>
      </c>
      <c r="K346" s="3" t="s">
        <v>32</v>
      </c>
      <c r="L346" s="3" t="s">
        <v>33</v>
      </c>
      <c r="M346" s="3" t="s">
        <v>1016</v>
      </c>
      <c r="N346" s="3" t="s">
        <v>79</v>
      </c>
      <c r="O346" s="3" t="s">
        <v>161</v>
      </c>
      <c r="P346" s="3" t="s">
        <v>37</v>
      </c>
      <c r="Q346" s="3" t="s">
        <v>37</v>
      </c>
      <c r="R346" s="3" t="s">
        <v>38</v>
      </c>
      <c r="S346" s="3" t="s">
        <v>1198</v>
      </c>
      <c r="T346" s="3" t="s">
        <v>37</v>
      </c>
      <c r="U346" s="3" t="s">
        <v>37</v>
      </c>
      <c r="V346" s="3" t="s">
        <v>37</v>
      </c>
    </row>
    <row r="347" spans="1:22" x14ac:dyDescent="0.25">
      <c r="A347" s="3" t="s">
        <v>988</v>
      </c>
      <c r="B347" s="4" t="s">
        <v>897</v>
      </c>
      <c r="C347" s="3" t="s">
        <v>898</v>
      </c>
      <c r="D347" s="5" t="s">
        <v>1372</v>
      </c>
      <c r="E347" s="3" t="s">
        <v>1012</v>
      </c>
      <c r="F347" s="3" t="s">
        <v>1031</v>
      </c>
      <c r="G347" s="3" t="s">
        <v>239</v>
      </c>
      <c r="H347" s="3" t="s">
        <v>64</v>
      </c>
      <c r="I347" s="3" t="s">
        <v>1641</v>
      </c>
      <c r="J347" s="3" t="s">
        <v>1032</v>
      </c>
      <c r="K347" s="3" t="s">
        <v>32</v>
      </c>
      <c r="L347" s="3" t="s">
        <v>33</v>
      </c>
      <c r="M347" s="3" t="s">
        <v>1016</v>
      </c>
      <c r="N347" s="3" t="s">
        <v>79</v>
      </c>
      <c r="O347" s="3" t="s">
        <v>161</v>
      </c>
      <c r="P347" s="3" t="s">
        <v>37</v>
      </c>
      <c r="Q347" s="3" t="s">
        <v>37</v>
      </c>
      <c r="R347" s="3" t="s">
        <v>38</v>
      </c>
      <c r="S347" s="3" t="s">
        <v>1033</v>
      </c>
      <c r="T347" s="3" t="s">
        <v>37</v>
      </c>
      <c r="U347" s="3" t="s">
        <v>37</v>
      </c>
      <c r="V347" s="3" t="s">
        <v>37</v>
      </c>
    </row>
    <row r="348" spans="1:22" x14ac:dyDescent="0.25">
      <c r="A348" s="3" t="s">
        <v>988</v>
      </c>
      <c r="B348" s="4" t="s">
        <v>897</v>
      </c>
      <c r="C348" s="3" t="s">
        <v>898</v>
      </c>
      <c r="D348" s="5" t="s">
        <v>1376</v>
      </c>
      <c r="E348" s="3" t="s">
        <v>1012</v>
      </c>
      <c r="F348" s="3" t="s">
        <v>1013</v>
      </c>
      <c r="G348" s="3" t="s">
        <v>89</v>
      </c>
      <c r="H348" s="3" t="s">
        <v>64</v>
      </c>
      <c r="I348" s="3" t="s">
        <v>1618</v>
      </c>
      <c r="J348" s="3" t="s">
        <v>1015</v>
      </c>
      <c r="K348" s="3" t="s">
        <v>32</v>
      </c>
      <c r="L348" s="3" t="s">
        <v>33</v>
      </c>
      <c r="M348" s="3" t="s">
        <v>1016</v>
      </c>
      <c r="N348" s="3" t="s">
        <v>79</v>
      </c>
      <c r="O348" s="3" t="s">
        <v>161</v>
      </c>
      <c r="P348" s="3" t="s">
        <v>37</v>
      </c>
      <c r="Q348" s="3" t="s">
        <v>37</v>
      </c>
      <c r="R348" s="3" t="s">
        <v>38</v>
      </c>
      <c r="S348" s="3" t="s">
        <v>1017</v>
      </c>
      <c r="T348" s="3" t="s">
        <v>37</v>
      </c>
      <c r="U348" s="3" t="s">
        <v>37</v>
      </c>
      <c r="V348" s="3" t="s">
        <v>37</v>
      </c>
    </row>
    <row r="349" spans="1:22" x14ac:dyDescent="0.25">
      <c r="A349" s="3" t="s">
        <v>988</v>
      </c>
      <c r="B349" s="4" t="s">
        <v>897</v>
      </c>
      <c r="C349" s="3" t="s">
        <v>898</v>
      </c>
      <c r="D349" s="5" t="s">
        <v>211</v>
      </c>
      <c r="E349" s="3" t="s">
        <v>1007</v>
      </c>
      <c r="F349" s="3" t="s">
        <v>1132</v>
      </c>
      <c r="G349" s="3" t="s">
        <v>64</v>
      </c>
      <c r="H349" s="3" t="s">
        <v>64</v>
      </c>
      <c r="I349" s="3" t="s">
        <v>37</v>
      </c>
      <c r="J349" s="3" t="s">
        <v>1133</v>
      </c>
      <c r="K349" s="3" t="s">
        <v>32</v>
      </c>
      <c r="L349" s="3" t="s">
        <v>33</v>
      </c>
      <c r="M349" s="3" t="s">
        <v>66</v>
      </c>
      <c r="N349" s="3" t="s">
        <v>67</v>
      </c>
      <c r="O349" s="3" t="s">
        <v>52</v>
      </c>
      <c r="P349" s="3" t="s">
        <v>37</v>
      </c>
      <c r="Q349" s="3" t="s">
        <v>37</v>
      </c>
      <c r="R349" s="3" t="s">
        <v>38</v>
      </c>
      <c r="S349" s="3" t="s">
        <v>1134</v>
      </c>
      <c r="T349" s="3" t="s">
        <v>37</v>
      </c>
      <c r="U349" s="3" t="s">
        <v>37</v>
      </c>
      <c r="V349" s="3" t="s">
        <v>37</v>
      </c>
    </row>
    <row r="350" spans="1:22" x14ac:dyDescent="0.25">
      <c r="A350" s="3" t="s">
        <v>988</v>
      </c>
      <c r="B350" s="4" t="s">
        <v>897</v>
      </c>
      <c r="C350" s="3" t="s">
        <v>898</v>
      </c>
      <c r="D350" s="5" t="s">
        <v>216</v>
      </c>
      <c r="E350" s="3" t="s">
        <v>1126</v>
      </c>
      <c r="F350" s="3" t="s">
        <v>1136</v>
      </c>
      <c r="G350" s="3" t="s">
        <v>422</v>
      </c>
      <c r="H350" s="3" t="s">
        <v>29</v>
      </c>
      <c r="I350" s="3" t="s">
        <v>37</v>
      </c>
      <c r="J350" s="7" t="s">
        <v>1137</v>
      </c>
      <c r="K350" s="3" t="s">
        <v>32</v>
      </c>
      <c r="L350" s="3" t="s">
        <v>33</v>
      </c>
      <c r="M350" s="3" t="s">
        <v>66</v>
      </c>
      <c r="N350" s="3" t="s">
        <v>67</v>
      </c>
      <c r="O350" s="3" t="s">
        <v>80</v>
      </c>
      <c r="P350" s="3" t="s">
        <v>37</v>
      </c>
      <c r="Q350" s="3" t="s">
        <v>37</v>
      </c>
      <c r="R350" s="3" t="s">
        <v>38</v>
      </c>
      <c r="S350" s="3" t="s">
        <v>1138</v>
      </c>
      <c r="T350" s="3" t="s">
        <v>37</v>
      </c>
      <c r="U350" s="3" t="s">
        <v>37</v>
      </c>
      <c r="V350" s="3" t="s">
        <v>37</v>
      </c>
    </row>
    <row r="351" spans="1:22" x14ac:dyDescent="0.25">
      <c r="A351" s="3" t="s">
        <v>988</v>
      </c>
      <c r="B351" s="4" t="s">
        <v>897</v>
      </c>
      <c r="C351" s="3" t="s">
        <v>898</v>
      </c>
      <c r="D351" s="5" t="s">
        <v>394</v>
      </c>
      <c r="E351" s="3" t="s">
        <v>1126</v>
      </c>
      <c r="F351" s="3" t="s">
        <v>1664</v>
      </c>
      <c r="G351" s="3" t="s">
        <v>265</v>
      </c>
      <c r="H351" s="3" t="s">
        <v>29</v>
      </c>
      <c r="I351" s="3" t="s">
        <v>37</v>
      </c>
      <c r="J351" s="3" t="s">
        <v>1665</v>
      </c>
      <c r="K351" s="3" t="s">
        <v>32</v>
      </c>
      <c r="L351" s="3" t="s">
        <v>33</v>
      </c>
      <c r="M351" s="3" t="s">
        <v>66</v>
      </c>
      <c r="N351" s="3" t="s">
        <v>67</v>
      </c>
      <c r="O351" s="3" t="s">
        <v>80</v>
      </c>
      <c r="P351" s="3" t="s">
        <v>37</v>
      </c>
      <c r="Q351" s="3" t="s">
        <v>37</v>
      </c>
      <c r="R351" s="3" t="s">
        <v>38</v>
      </c>
      <c r="S351" s="3" t="s">
        <v>1666</v>
      </c>
      <c r="T351" s="3" t="s">
        <v>37</v>
      </c>
      <c r="U351" s="3" t="s">
        <v>37</v>
      </c>
      <c r="V351" s="3" t="s">
        <v>37</v>
      </c>
    </row>
    <row r="352" spans="1:22" x14ac:dyDescent="0.25">
      <c r="A352" s="3" t="s">
        <v>988</v>
      </c>
      <c r="B352" s="4" t="s">
        <v>897</v>
      </c>
      <c r="C352" s="3" t="s">
        <v>898</v>
      </c>
      <c r="D352" s="5" t="s">
        <v>225</v>
      </c>
      <c r="E352" s="3" t="s">
        <v>540</v>
      </c>
      <c r="F352" s="3" t="s">
        <v>1308</v>
      </c>
      <c r="G352" s="3" t="s">
        <v>344</v>
      </c>
      <c r="H352" s="3" t="s">
        <v>77</v>
      </c>
      <c r="I352" s="3" t="s">
        <v>670</v>
      </c>
      <c r="J352" s="3" t="s">
        <v>1309</v>
      </c>
      <c r="K352" s="3" t="s">
        <v>32</v>
      </c>
      <c r="L352" s="3" t="s">
        <v>33</v>
      </c>
      <c r="M352" s="3" t="s">
        <v>34</v>
      </c>
      <c r="N352" s="3" t="s">
        <v>79</v>
      </c>
      <c r="O352" s="3" t="s">
        <v>80</v>
      </c>
      <c r="P352" s="3" t="s">
        <v>37</v>
      </c>
      <c r="Q352" s="3" t="s">
        <v>37</v>
      </c>
      <c r="R352" s="3" t="s">
        <v>38</v>
      </c>
      <c r="S352" s="3" t="s">
        <v>1310</v>
      </c>
      <c r="T352" s="3" t="s">
        <v>37</v>
      </c>
      <c r="U352" s="3" t="s">
        <v>37</v>
      </c>
      <c r="V352" s="3" t="s">
        <v>37</v>
      </c>
    </row>
    <row r="353" spans="1:22" x14ac:dyDescent="0.25">
      <c r="A353" s="3" t="s">
        <v>988</v>
      </c>
      <c r="B353" s="4" t="s">
        <v>897</v>
      </c>
      <c r="C353" s="3" t="s">
        <v>898</v>
      </c>
      <c r="D353" s="5" t="s">
        <v>1171</v>
      </c>
      <c r="E353" s="3" t="s">
        <v>1150</v>
      </c>
      <c r="F353" s="3" t="s">
        <v>1511</v>
      </c>
      <c r="G353" s="3" t="s">
        <v>1512</v>
      </c>
      <c r="H353" s="3" t="s">
        <v>77</v>
      </c>
      <c r="I353" s="3" t="s">
        <v>37</v>
      </c>
      <c r="J353" s="3" t="s">
        <v>1513</v>
      </c>
      <c r="K353" s="3" t="s">
        <v>32</v>
      </c>
      <c r="L353" s="3" t="s">
        <v>33</v>
      </c>
      <c r="M353" s="3" t="s">
        <v>66</v>
      </c>
      <c r="N353" s="3" t="s">
        <v>67</v>
      </c>
      <c r="O353" s="3" t="s">
        <v>52</v>
      </c>
      <c r="P353" s="3" t="s">
        <v>37</v>
      </c>
      <c r="Q353" s="3" t="s">
        <v>37</v>
      </c>
      <c r="R353" s="3" t="s">
        <v>38</v>
      </c>
      <c r="S353" s="3" t="s">
        <v>1514</v>
      </c>
      <c r="T353" s="3" t="s">
        <v>37</v>
      </c>
      <c r="U353" s="3" t="s">
        <v>37</v>
      </c>
      <c r="V353" s="3" t="s">
        <v>37</v>
      </c>
    </row>
    <row r="354" spans="1:22" x14ac:dyDescent="0.25">
      <c r="A354" s="3" t="s">
        <v>988</v>
      </c>
      <c r="B354" s="4" t="s">
        <v>897</v>
      </c>
      <c r="C354" s="3" t="s">
        <v>898</v>
      </c>
      <c r="D354" s="5" t="s">
        <v>236</v>
      </c>
      <c r="E354" s="3" t="s">
        <v>1154</v>
      </c>
      <c r="F354" s="3" t="s">
        <v>1515</v>
      </c>
      <c r="G354" s="3" t="s">
        <v>1516</v>
      </c>
      <c r="H354" s="3" t="s">
        <v>278</v>
      </c>
      <c r="I354" s="3" t="s">
        <v>1145</v>
      </c>
      <c r="J354" s="3" t="s">
        <v>1517</v>
      </c>
      <c r="K354" s="3" t="s">
        <v>32</v>
      </c>
      <c r="L354" s="3" t="s">
        <v>33</v>
      </c>
      <c r="M354" s="3" t="s">
        <v>66</v>
      </c>
      <c r="N354" s="3" t="s">
        <v>51</v>
      </c>
      <c r="O354" s="3" t="s">
        <v>36</v>
      </c>
      <c r="P354" s="3" t="s">
        <v>37</v>
      </c>
      <c r="Q354" s="3" t="s">
        <v>37</v>
      </c>
      <c r="R354" s="3" t="s">
        <v>38</v>
      </c>
      <c r="S354" s="3" t="s">
        <v>1518</v>
      </c>
      <c r="T354" s="3" t="s">
        <v>37</v>
      </c>
      <c r="U354" s="3" t="s">
        <v>37</v>
      </c>
      <c r="V354" s="3" t="s">
        <v>37</v>
      </c>
    </row>
    <row r="355" spans="1:22" x14ac:dyDescent="0.25">
      <c r="A355" s="3" t="s">
        <v>988</v>
      </c>
      <c r="B355" s="4" t="s">
        <v>897</v>
      </c>
      <c r="C355" s="3" t="s">
        <v>898</v>
      </c>
      <c r="D355" s="5" t="s">
        <v>1175</v>
      </c>
      <c r="E355" s="3" t="s">
        <v>1001</v>
      </c>
      <c r="F355" s="3" t="s">
        <v>1667</v>
      </c>
      <c r="G355" s="3" t="s">
        <v>77</v>
      </c>
      <c r="H355" s="3" t="s">
        <v>64</v>
      </c>
      <c r="I355" s="3" t="s">
        <v>1003</v>
      </c>
      <c r="J355" s="3" t="s">
        <v>1668</v>
      </c>
      <c r="K355" s="3" t="s">
        <v>32</v>
      </c>
      <c r="L355" s="3" t="s">
        <v>33</v>
      </c>
      <c r="M355" s="3" t="s">
        <v>34</v>
      </c>
      <c r="N355" s="3" t="s">
        <v>67</v>
      </c>
      <c r="O355" s="3" t="s">
        <v>52</v>
      </c>
      <c r="P355" s="3" t="s">
        <v>37</v>
      </c>
      <c r="Q355" s="3" t="s">
        <v>37</v>
      </c>
      <c r="R355" s="3" t="s">
        <v>38</v>
      </c>
      <c r="S355" s="3" t="s">
        <v>1669</v>
      </c>
      <c r="T355" s="3" t="s">
        <v>37</v>
      </c>
      <c r="U355" s="3" t="s">
        <v>37</v>
      </c>
      <c r="V355" s="3" t="s">
        <v>37</v>
      </c>
    </row>
    <row r="356" spans="1:22" x14ac:dyDescent="0.25">
      <c r="A356" s="3"/>
      <c r="B356" s="4"/>
      <c r="C356" s="3"/>
      <c r="D356" s="5"/>
      <c r="E356" s="6" t="s">
        <v>1179</v>
      </c>
      <c r="F356" s="3"/>
      <c r="G356" s="3"/>
      <c r="H356" s="3"/>
      <c r="I356" s="3"/>
      <c r="J356" s="3"/>
      <c r="K356" s="3"/>
      <c r="L356" s="3"/>
      <c r="M356" s="3"/>
      <c r="N356" s="3"/>
      <c r="O356" s="3"/>
      <c r="P356" s="3"/>
      <c r="Q356" s="3"/>
      <c r="R356" s="3"/>
      <c r="S356" s="3"/>
      <c r="T356" s="3"/>
      <c r="U356" s="3"/>
      <c r="V356" s="3"/>
    </row>
    <row r="357" spans="1:22" x14ac:dyDescent="0.25">
      <c r="A357" s="3"/>
      <c r="B357" s="4"/>
      <c r="C357" s="3"/>
      <c r="D357" s="5"/>
      <c r="E357" s="3"/>
      <c r="F357" s="3"/>
      <c r="G357" s="3"/>
      <c r="H357" s="3"/>
      <c r="I357" s="3"/>
      <c r="J357" s="3"/>
      <c r="K357" s="3"/>
      <c r="L357" s="3"/>
      <c r="M357" s="3"/>
      <c r="N357" s="3"/>
      <c r="O357" s="3"/>
      <c r="P357" s="3"/>
      <c r="Q357" s="3"/>
      <c r="R357" s="3"/>
      <c r="S357" s="3"/>
      <c r="T357" s="3"/>
      <c r="U357" s="3"/>
      <c r="V357" s="3"/>
    </row>
  </sheetData>
  <pageMargins left="0.7" right="0.7" top="0.75" bottom="0.75" header="0.3" footer="0.3"/>
  <pageSetup paperSize="9"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Worksheets</vt:lpstr>
      </vt:variant>
      <vt:variant>
        <vt:i4>2</vt:i4>
      </vt:variant>
    </vt:vector>
  </HeadingPairs>
  <TitlesOfParts>
    <vt:vector size="2" baseType="lpstr">
      <vt:lpstr>Disney Channel</vt:lpstr>
      <vt:lpstr>Disney Junior</vt:lpstr>
    </vt:vector>
  </TitlesOfParts>
  <Company>TWDC</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App-emea-dait</dc:creator>
  <cp:lastModifiedBy>El Omari, Yasmine</cp:lastModifiedBy>
  <dcterms:created xsi:type="dcterms:W3CDTF">2014-03-14T12:11:22Z</dcterms:created>
  <dcterms:modified xsi:type="dcterms:W3CDTF">2020-11-12T17:02:39Z</dcterms:modified>
</cp:coreProperties>
</file>